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1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2'!$A$1:$CZ$39</definedName>
    <definedName name="_xlnm.Print_Titles" localSheetId="0">'12'!$A:$A</definedName>
  </definedNames>
  <calcPr calcId="152511"/>
</workbook>
</file>

<file path=xl/sharedStrings.xml><?xml version="1.0" encoding="utf-8"?>
<sst xmlns="http://schemas.openxmlformats.org/spreadsheetml/2006/main" count="266" uniqueCount="194">
  <si>
    <t>左の内訳</t>
    <rPh sb="0" eb="1">
      <t>ヒダリ</t>
    </rPh>
    <rPh sb="2" eb="4">
      <t>ウチワケ</t>
    </rPh>
    <phoneticPr fontId="1"/>
  </si>
  <si>
    <t>左の内訳</t>
    <rPh sb="0" eb="1">
      <t>ヒダリ</t>
    </rPh>
    <phoneticPr fontId="1"/>
  </si>
  <si>
    <t>利子割</t>
  </si>
  <si>
    <t>配当割</t>
    <rPh sb="0" eb="2">
      <t>ハイトウ</t>
    </rPh>
    <rPh sb="2" eb="3">
      <t>ワ</t>
    </rPh>
    <phoneticPr fontId="1"/>
  </si>
  <si>
    <t>株式等</t>
    <rPh sb="0" eb="2">
      <t>カブシキ</t>
    </rPh>
    <rPh sb="2" eb="3">
      <t>トウ</t>
    </rPh>
    <phoneticPr fontId="1"/>
  </si>
  <si>
    <t>地方</t>
    <rPh sb="0" eb="2">
      <t>チホウ</t>
    </rPh>
    <phoneticPr fontId="1"/>
  </si>
  <si>
    <t>ゴルフ場</t>
  </si>
  <si>
    <t>特別</t>
  </si>
  <si>
    <t>地方特例</t>
  </si>
  <si>
    <t>交通安全対策</t>
    <rPh sb="4" eb="6">
      <t>タイサク</t>
    </rPh>
    <phoneticPr fontId="1"/>
  </si>
  <si>
    <t>分担金</t>
  </si>
  <si>
    <t>法定受託</t>
    <rPh sb="0" eb="2">
      <t>ホウテイ</t>
    </rPh>
    <rPh sb="2" eb="4">
      <t>ジュタク</t>
    </rPh>
    <phoneticPr fontId="1"/>
  </si>
  <si>
    <t>障害者</t>
    <rPh sb="0" eb="2">
      <t>ショウガイ</t>
    </rPh>
    <rPh sb="2" eb="3">
      <t>シャ</t>
    </rPh>
    <phoneticPr fontId="1"/>
  </si>
  <si>
    <t>特定防衛施設</t>
    <rPh sb="4" eb="6">
      <t>シセツ</t>
    </rPh>
    <phoneticPr fontId="1"/>
  </si>
  <si>
    <t>電源立地</t>
    <rPh sb="0" eb="2">
      <t>デンゲン</t>
    </rPh>
    <rPh sb="2" eb="4">
      <t>リッチ</t>
    </rPh>
    <phoneticPr fontId="1"/>
  </si>
  <si>
    <t>都道府県</t>
  </si>
  <si>
    <t>繰越事業費等</t>
  </si>
  <si>
    <t>延滞金</t>
  </si>
  <si>
    <t>公営企業</t>
  </si>
  <si>
    <t>地方税</t>
  </si>
  <si>
    <t>地方譲与税</t>
  </si>
  <si>
    <t>地方揮発油</t>
    <rPh sb="0" eb="2">
      <t>チホウ</t>
    </rPh>
    <rPh sb="2" eb="5">
      <t>キハツユ</t>
    </rPh>
    <phoneticPr fontId="1"/>
  </si>
  <si>
    <t>地方道路</t>
  </si>
  <si>
    <t>特別とん</t>
  </si>
  <si>
    <t>石油ガス</t>
  </si>
  <si>
    <t>自動車重量</t>
  </si>
  <si>
    <t>航空機燃料</t>
    <rPh sb="3" eb="4">
      <t>ネン</t>
    </rPh>
    <rPh sb="4" eb="5">
      <t>リョウ</t>
    </rPh>
    <phoneticPr fontId="1"/>
  </si>
  <si>
    <t>交付金</t>
  </si>
  <si>
    <t>交付金</t>
    <rPh sb="0" eb="3">
      <t>コウフキン</t>
    </rPh>
    <phoneticPr fontId="1"/>
  </si>
  <si>
    <t>譲渡所得割</t>
  </si>
  <si>
    <t>消費税</t>
  </si>
  <si>
    <t>利用税</t>
  </si>
  <si>
    <t>地方消費税</t>
  </si>
  <si>
    <t>地方交付税</t>
  </si>
  <si>
    <t>普通交付税</t>
  </si>
  <si>
    <t>特別交付税</t>
  </si>
  <si>
    <t>震災復興</t>
  </si>
  <si>
    <t>同級他団体</t>
  </si>
  <si>
    <t>その他</t>
  </si>
  <si>
    <t>使用料</t>
  </si>
  <si>
    <t>授業料</t>
  </si>
  <si>
    <t>保育所</t>
  </si>
  <si>
    <t>公営住宅</t>
  </si>
  <si>
    <t>手数料</t>
  </si>
  <si>
    <t>国庫支出金</t>
  </si>
  <si>
    <t>生活保護費</t>
    <rPh sb="4" eb="5">
      <t>ヒ</t>
    </rPh>
    <phoneticPr fontId="2"/>
  </si>
  <si>
    <t>児童保護費等</t>
    <rPh sb="4" eb="5">
      <t>ヒ</t>
    </rPh>
    <rPh sb="5" eb="6">
      <t>ナド</t>
    </rPh>
    <phoneticPr fontId="1"/>
  </si>
  <si>
    <t>委託金</t>
  </si>
  <si>
    <t>普通建設</t>
  </si>
  <si>
    <t>災害復旧</t>
  </si>
  <si>
    <t>社会資本整備</t>
  </si>
  <si>
    <t>地域対策</t>
    <rPh sb="0" eb="2">
      <t>チイキ</t>
    </rPh>
    <rPh sb="2" eb="4">
      <t>タイサク</t>
    </rPh>
    <phoneticPr fontId="2"/>
  </si>
  <si>
    <t>東日本大震災</t>
  </si>
  <si>
    <t>施設等</t>
  </si>
  <si>
    <t>支出金</t>
    <rPh sb="0" eb="3">
      <t>シシュツキン</t>
    </rPh>
    <phoneticPr fontId="2"/>
  </si>
  <si>
    <t>電源立地</t>
  </si>
  <si>
    <t>石油貯蔵施設</t>
  </si>
  <si>
    <t>都道府県費</t>
    <rPh sb="0" eb="2">
      <t>トドウ</t>
    </rPh>
    <rPh sb="2" eb="3">
      <t>フ</t>
    </rPh>
    <rPh sb="3" eb="5">
      <t>ケンピ</t>
    </rPh>
    <phoneticPr fontId="2"/>
  </si>
  <si>
    <t>財産収入</t>
  </si>
  <si>
    <t>財産運用</t>
  </si>
  <si>
    <t>財産売払</t>
  </si>
  <si>
    <t>寄附金</t>
    <rPh sb="0" eb="3">
      <t>キフキン</t>
    </rPh>
    <phoneticPr fontId="1"/>
  </si>
  <si>
    <t>繰入金</t>
    <rPh sb="0" eb="3">
      <t>クリイレキン</t>
    </rPh>
    <phoneticPr fontId="1"/>
  </si>
  <si>
    <t>繰越金</t>
  </si>
  <si>
    <t>純繰越金</t>
  </si>
  <si>
    <t>充当財源</t>
  </si>
  <si>
    <t>諸収入</t>
  </si>
  <si>
    <t>加算金</t>
  </si>
  <si>
    <t>預金利子</t>
  </si>
  <si>
    <t>貸付金</t>
  </si>
  <si>
    <t>受託事業</t>
  </si>
  <si>
    <t>民間</t>
  </si>
  <si>
    <t>収益事業</t>
  </si>
  <si>
    <t>雑入</t>
  </si>
  <si>
    <t>一部事務組合</t>
    <rPh sb="4" eb="6">
      <t>クミアイ</t>
    </rPh>
    <phoneticPr fontId="2"/>
  </si>
  <si>
    <t>地方債</t>
  </si>
  <si>
    <t>歳入合計</t>
  </si>
  <si>
    <t>譲与税</t>
    <rPh sb="0" eb="1">
      <t>ユズル</t>
    </rPh>
    <rPh sb="1" eb="2">
      <t>アタエ</t>
    </rPh>
    <rPh sb="2" eb="3">
      <t>ゼイ</t>
    </rPh>
    <phoneticPr fontId="1"/>
  </si>
  <si>
    <t>譲与税</t>
  </si>
  <si>
    <t>からのもの</t>
  </si>
  <si>
    <t>高等学校</t>
  </si>
  <si>
    <t>幼稚園</t>
  </si>
  <si>
    <t>事業</t>
  </si>
  <si>
    <t>総合交付金</t>
  </si>
  <si>
    <t>復興交付金</t>
  </si>
  <si>
    <t>所在市町村</t>
  </si>
  <si>
    <t>伴うもの</t>
  </si>
  <si>
    <t>保護費等</t>
  </si>
  <si>
    <t>支援給付費等</t>
    <rPh sb="0" eb="2">
      <t>シエン</t>
    </rPh>
    <phoneticPr fontId="1"/>
  </si>
  <si>
    <t>地域対策</t>
    <rPh sb="0" eb="2">
      <t>チイキ</t>
    </rPh>
    <rPh sb="2" eb="4">
      <t>タイサク</t>
    </rPh>
    <phoneticPr fontId="1"/>
  </si>
  <si>
    <t>事業費</t>
  </si>
  <si>
    <t>収入</t>
    <rPh sb="0" eb="2">
      <t>シュウニュウ</t>
    </rPh>
    <phoneticPr fontId="1"/>
  </si>
  <si>
    <t>土地建物</t>
  </si>
  <si>
    <t>立木竹</t>
  </si>
  <si>
    <t>繰越額</t>
  </si>
  <si>
    <t>及び過料</t>
  </si>
  <si>
    <t>元利収入</t>
  </si>
  <si>
    <t>元利収入</t>
    <rPh sb="0" eb="2">
      <t>ガンリ</t>
    </rPh>
    <rPh sb="2" eb="4">
      <t>シュウニュウ</t>
    </rPh>
    <phoneticPr fontId="1"/>
  </si>
  <si>
    <t>配分金</t>
    <rPh sb="0" eb="2">
      <t>ハイブン</t>
    </rPh>
    <phoneticPr fontId="1"/>
  </si>
  <si>
    <t>助成交付金</t>
  </si>
  <si>
    <t>負担金</t>
  </si>
  <si>
    <t>負担金</t>
    <rPh sb="0" eb="3">
      <t>フタンキン</t>
    </rPh>
    <phoneticPr fontId="1"/>
  </si>
  <si>
    <t>支出金</t>
    <rPh sb="0" eb="1">
      <t>ササ</t>
    </rPh>
    <phoneticPr fontId="1"/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左の内訳</t>
    <phoneticPr fontId="2"/>
  </si>
  <si>
    <t>自動車</t>
    <phoneticPr fontId="2"/>
  </si>
  <si>
    <t>軽油</t>
    <phoneticPr fontId="2"/>
  </si>
  <si>
    <t>公立高等学校</t>
    <phoneticPr fontId="2"/>
  </si>
  <si>
    <t>普通建設</t>
    <phoneticPr fontId="1"/>
  </si>
  <si>
    <t>災害復旧</t>
    <phoneticPr fontId="1"/>
  </si>
  <si>
    <t>失業対策</t>
    <phoneticPr fontId="1"/>
  </si>
  <si>
    <t>国有提供</t>
    <phoneticPr fontId="2"/>
  </si>
  <si>
    <t>取得税</t>
    <phoneticPr fontId="2"/>
  </si>
  <si>
    <t>引取税</t>
    <phoneticPr fontId="2"/>
  </si>
  <si>
    <t>特別交付金</t>
    <phoneticPr fontId="2"/>
  </si>
  <si>
    <t>及び負担金</t>
    <phoneticPr fontId="2"/>
  </si>
  <si>
    <t>事務に</t>
    <phoneticPr fontId="2"/>
  </si>
  <si>
    <t>自治事務に</t>
    <phoneticPr fontId="2"/>
  </si>
  <si>
    <t>自立支援</t>
    <phoneticPr fontId="2"/>
  </si>
  <si>
    <t>授業料</t>
    <phoneticPr fontId="2"/>
  </si>
  <si>
    <t>事業費</t>
    <phoneticPr fontId="2"/>
  </si>
  <si>
    <t>財政補給金</t>
    <phoneticPr fontId="2"/>
  </si>
  <si>
    <t>周辺整備</t>
    <phoneticPr fontId="2"/>
  </si>
  <si>
    <t>国庫財源を</t>
    <phoneticPr fontId="2"/>
  </si>
  <si>
    <t>児童</t>
    <phoneticPr fontId="1"/>
  </si>
  <si>
    <t>障害者自立</t>
    <phoneticPr fontId="2"/>
  </si>
  <si>
    <t>普通建設</t>
    <phoneticPr fontId="2"/>
  </si>
  <si>
    <t>災害復旧</t>
    <phoneticPr fontId="2"/>
  </si>
  <si>
    <t>新エネルギー・産業</t>
    <phoneticPr fontId="2"/>
  </si>
  <si>
    <t>譲与税</t>
    <phoneticPr fontId="2"/>
  </si>
  <si>
    <t>交付金</t>
    <phoneticPr fontId="2"/>
  </si>
  <si>
    <t>係るもの</t>
    <phoneticPr fontId="2"/>
  </si>
  <si>
    <t>負担金</t>
    <phoneticPr fontId="1"/>
  </si>
  <si>
    <t>給付費等</t>
    <phoneticPr fontId="2"/>
  </si>
  <si>
    <t>不徴収</t>
    <phoneticPr fontId="2"/>
  </si>
  <si>
    <t>支出金</t>
    <phoneticPr fontId="2"/>
  </si>
  <si>
    <t>調整交付金</t>
    <phoneticPr fontId="2"/>
  </si>
  <si>
    <t>交付金</t>
    <phoneticPr fontId="2"/>
  </si>
  <si>
    <t>事業費</t>
    <phoneticPr fontId="2"/>
  </si>
  <si>
    <t>普通建設</t>
    <phoneticPr fontId="2"/>
  </si>
  <si>
    <t>災害復旧</t>
    <phoneticPr fontId="2"/>
  </si>
  <si>
    <t>その他</t>
    <phoneticPr fontId="2"/>
  </si>
  <si>
    <t>立地対策等</t>
    <phoneticPr fontId="2"/>
  </si>
  <si>
    <t>のみのもの</t>
    <phoneticPr fontId="2"/>
  </si>
  <si>
    <t>技術総合開発機構</t>
    <phoneticPr fontId="2"/>
  </si>
  <si>
    <t>負担金</t>
    <phoneticPr fontId="2"/>
  </si>
  <si>
    <t>事業</t>
    <phoneticPr fontId="2"/>
  </si>
  <si>
    <t>支出金</t>
    <phoneticPr fontId="1"/>
  </si>
  <si>
    <t>からのもの</t>
    <phoneticPr fontId="2"/>
  </si>
  <si>
    <t>児童手当等</t>
    <rPh sb="0" eb="2">
      <t>ジドウ</t>
    </rPh>
    <rPh sb="2" eb="5">
      <t>テアテトウ</t>
    </rPh>
    <phoneticPr fontId="2"/>
  </si>
  <si>
    <t>児童手当等</t>
    <rPh sb="0" eb="2">
      <t>ジドウ</t>
    </rPh>
    <rPh sb="2" eb="5">
      <t>テアテトウ</t>
    </rPh>
    <phoneticPr fontId="1"/>
  </si>
  <si>
    <t>交付金</t>
    <rPh sb="0" eb="3">
      <t>コウフキン</t>
    </rPh>
    <phoneticPr fontId="2"/>
  </si>
  <si>
    <t>地方創生</t>
    <phoneticPr fontId="2"/>
  </si>
  <si>
    <t>関係交付金</t>
  </si>
  <si>
    <t>分離課税</t>
    <rPh sb="0" eb="2">
      <t>ブンリ</t>
    </rPh>
    <rPh sb="2" eb="4">
      <t>カゼイ</t>
    </rPh>
    <phoneticPr fontId="2"/>
  </si>
  <si>
    <t>所得割</t>
    <rPh sb="0" eb="2">
      <t>ショトク</t>
    </rPh>
    <rPh sb="2" eb="3">
      <t>ワリ</t>
    </rPh>
    <phoneticPr fontId="2"/>
  </si>
  <si>
    <t>交付金</t>
    <rPh sb="0" eb="3">
      <t>コウフキン</t>
    </rPh>
    <phoneticPr fontId="2"/>
  </si>
  <si>
    <t>道府県民税</t>
    <rPh sb="0" eb="5">
      <t>ドウフケンミンゼイ</t>
    </rPh>
    <phoneticPr fontId="2"/>
  </si>
  <si>
    <t>臨時交付金</t>
    <rPh sb="0" eb="2">
      <t>リンジ</t>
    </rPh>
    <rPh sb="2" eb="5">
      <t>コウフキン</t>
    </rPh>
    <phoneticPr fontId="2"/>
  </si>
  <si>
    <t>左の内訳</t>
    <rPh sb="0" eb="1">
      <t>ヒダリ</t>
    </rPh>
    <rPh sb="2" eb="4">
      <t>ウチワケ</t>
    </rPh>
    <phoneticPr fontId="2"/>
  </si>
  <si>
    <t>左の内訳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vertical="center" shrinkToFit="1"/>
    </xf>
    <xf numFmtId="0" fontId="3" fillId="0" borderId="0" xfId="0" applyNumberFormat="1" applyFont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Continuous" vertical="center" shrinkToFit="1"/>
    </xf>
    <xf numFmtId="176" fontId="3" fillId="0" borderId="0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10" xfId="0" applyFont="1" applyBorder="1" applyAlignment="1">
      <alignment horizontal="center" vertical="center"/>
    </xf>
    <xf numFmtId="176" fontId="3" fillId="0" borderId="10" xfId="0" applyNumberFormat="1" applyFont="1" applyBorder="1" applyAlignment="1">
      <alignment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11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distributed" shrinkToFit="1"/>
    </xf>
    <xf numFmtId="0" fontId="3" fillId="0" borderId="11" xfId="0" applyNumberFormat="1" applyFont="1" applyBorder="1" applyAlignment="1">
      <alignment horizontal="center" vertical="distributed" shrinkToFit="1"/>
    </xf>
    <xf numFmtId="0" fontId="3" fillId="0" borderId="4" xfId="0" applyNumberFormat="1" applyFont="1" applyBorder="1" applyAlignment="1">
      <alignment horizontal="center" vertical="distributed" shrinkToFit="1"/>
    </xf>
    <xf numFmtId="0" fontId="3" fillId="0" borderId="12" xfId="0" applyNumberFormat="1" applyFont="1" applyBorder="1" applyAlignment="1">
      <alignment horizontal="center" vertical="center" shrinkToFit="1"/>
    </xf>
    <xf numFmtId="0" fontId="3" fillId="0" borderId="13" xfId="0" applyNumberFormat="1" applyFont="1" applyBorder="1" applyAlignment="1">
      <alignment horizontal="center" vertical="center" shrinkToFit="1"/>
    </xf>
    <xf numFmtId="0" fontId="3" fillId="0" borderId="14" xfId="0" applyNumberFormat="1" applyFont="1" applyBorder="1" applyAlignment="1">
      <alignment horizontal="center" vertical="center" shrinkToFit="1"/>
    </xf>
    <xf numFmtId="176" fontId="3" fillId="0" borderId="15" xfId="0" applyNumberFormat="1" applyFont="1" applyBorder="1" applyAlignment="1">
      <alignment vertical="center" shrinkToFit="1"/>
    </xf>
    <xf numFmtId="176" fontId="3" fillId="0" borderId="16" xfId="0" applyNumberFormat="1" applyFont="1" applyBorder="1" applyAlignment="1">
      <alignment vertical="center" shrinkToFit="1"/>
    </xf>
    <xf numFmtId="176" fontId="3" fillId="0" borderId="17" xfId="0" applyNumberFormat="1" applyFont="1" applyBorder="1" applyAlignment="1">
      <alignment vertical="center" shrinkToFit="1"/>
    </xf>
    <xf numFmtId="176" fontId="3" fillId="0" borderId="18" xfId="0" applyNumberFormat="1" applyFont="1" applyBorder="1" applyAlignment="1">
      <alignment vertical="center" shrinkToFit="1"/>
    </xf>
    <xf numFmtId="176" fontId="3" fillId="2" borderId="4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Z39"/>
  <sheetViews>
    <sheetView tabSelected="1" view="pageBreakPreview" zoomScaleNormal="100" zoomScaleSheetLayoutView="100" workbookViewId="0">
      <selection activeCell="CX6" sqref="CX6"/>
    </sheetView>
  </sheetViews>
  <sheetFormatPr defaultColWidth="9.375" defaultRowHeight="11.25"/>
  <cols>
    <col min="1" max="1" width="14.125" style="9" customWidth="1"/>
    <col min="2" max="16384" width="9.375" style="10"/>
  </cols>
  <sheetData>
    <row r="1" spans="1:104" s="12" customFormat="1" ht="17.25" customHeight="1">
      <c r="A1" s="1"/>
      <c r="B1" s="1"/>
      <c r="C1" s="1"/>
      <c r="D1" s="2" t="s">
        <v>0</v>
      </c>
      <c r="E1" s="2"/>
      <c r="F1" s="2"/>
      <c r="G1" s="2"/>
      <c r="H1" s="2"/>
      <c r="I1" s="2" t="s">
        <v>0</v>
      </c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21" t="s">
        <v>192</v>
      </c>
      <c r="W1" s="23" t="s">
        <v>192</v>
      </c>
      <c r="X1" s="24"/>
      <c r="Y1" s="1"/>
      <c r="Z1" s="1"/>
      <c r="AA1" s="2" t="s">
        <v>1</v>
      </c>
      <c r="AB1" s="2"/>
      <c r="AC1" s="1"/>
      <c r="AD1" s="22" t="s">
        <v>1</v>
      </c>
      <c r="AE1" s="23"/>
      <c r="AF1" s="23"/>
      <c r="AG1" s="23"/>
      <c r="AH1" s="23"/>
      <c r="AI1" s="23"/>
      <c r="AJ1" s="24"/>
      <c r="AK1" s="1"/>
      <c r="AL1" s="22" t="s">
        <v>1</v>
      </c>
      <c r="AM1" s="24"/>
      <c r="AN1" s="1"/>
      <c r="AO1" s="25" t="s">
        <v>1</v>
      </c>
      <c r="AP1" s="26"/>
      <c r="AQ1" s="27"/>
      <c r="AR1" s="25" t="s">
        <v>1</v>
      </c>
      <c r="AS1" s="26"/>
      <c r="AT1" s="26"/>
      <c r="AU1" s="26"/>
      <c r="AV1" s="26"/>
      <c r="AW1" s="26"/>
      <c r="AX1" s="27"/>
      <c r="AY1" s="22" t="s">
        <v>137</v>
      </c>
      <c r="AZ1" s="23"/>
      <c r="BA1" s="23"/>
      <c r="BB1" s="23"/>
      <c r="BC1" s="23"/>
      <c r="BD1" s="23"/>
      <c r="BE1" s="24"/>
      <c r="BF1" s="22" t="s">
        <v>192</v>
      </c>
      <c r="BG1" s="24"/>
      <c r="BH1" s="11"/>
      <c r="BI1" s="1"/>
      <c r="BJ1" s="22" t="s">
        <v>1</v>
      </c>
      <c r="BK1" s="23"/>
      <c r="BL1" s="24"/>
      <c r="BM1" s="22" t="s">
        <v>137</v>
      </c>
      <c r="BN1" s="23"/>
      <c r="BO1" s="23"/>
      <c r="BP1" s="23"/>
      <c r="BQ1" s="23"/>
      <c r="BR1" s="23"/>
      <c r="BS1" s="24"/>
      <c r="BT1" s="22" t="s">
        <v>137</v>
      </c>
      <c r="BU1" s="23"/>
      <c r="BV1" s="23"/>
      <c r="BW1" s="23"/>
      <c r="BX1" s="23"/>
      <c r="BY1" s="23"/>
      <c r="BZ1" s="24"/>
      <c r="CA1" s="1"/>
      <c r="CB1" s="22" t="s">
        <v>1</v>
      </c>
      <c r="CC1" s="23"/>
      <c r="CD1" s="23"/>
      <c r="CE1" s="23"/>
      <c r="CF1" s="24"/>
      <c r="CG1" s="1"/>
      <c r="CH1" s="1"/>
      <c r="CI1" s="1"/>
      <c r="CJ1" s="2" t="s">
        <v>1</v>
      </c>
      <c r="CK1" s="2"/>
      <c r="CL1" s="1"/>
      <c r="CM1" s="22" t="s">
        <v>1</v>
      </c>
      <c r="CN1" s="24"/>
      <c r="CO1" s="22" t="s">
        <v>137</v>
      </c>
      <c r="CP1" s="23"/>
      <c r="CQ1" s="23"/>
      <c r="CR1" s="23"/>
      <c r="CS1" s="23"/>
      <c r="CT1" s="23"/>
      <c r="CU1" s="24"/>
      <c r="CV1" s="22" t="s">
        <v>137</v>
      </c>
      <c r="CW1" s="23"/>
      <c r="CX1" s="24"/>
      <c r="CY1" s="1"/>
      <c r="CZ1" s="1"/>
    </row>
    <row r="2" spans="1:104" s="12" customFormat="1" ht="17.25" customHeight="1">
      <c r="A2" s="3"/>
      <c r="B2" s="3"/>
      <c r="C2" s="3"/>
      <c r="D2" s="3"/>
      <c r="E2" s="3"/>
      <c r="F2" s="3"/>
      <c r="G2" s="3"/>
      <c r="H2" s="3"/>
      <c r="I2" s="3"/>
      <c r="J2" s="3" t="s">
        <v>2</v>
      </c>
      <c r="K2" s="3" t="s">
        <v>3</v>
      </c>
      <c r="L2" s="3" t="s">
        <v>4</v>
      </c>
      <c r="M2" s="3" t="s">
        <v>187</v>
      </c>
      <c r="N2" s="3" t="s">
        <v>190</v>
      </c>
      <c r="O2" s="3" t="s">
        <v>5</v>
      </c>
      <c r="P2" s="3" t="s">
        <v>6</v>
      </c>
      <c r="Q2" s="3" t="s">
        <v>7</v>
      </c>
      <c r="R2" s="3" t="s">
        <v>138</v>
      </c>
      <c r="S2" s="3" t="s">
        <v>139</v>
      </c>
      <c r="T2" s="3" t="s">
        <v>8</v>
      </c>
      <c r="U2" s="3"/>
      <c r="V2" s="1"/>
      <c r="W2" s="28"/>
      <c r="X2" s="1"/>
      <c r="Y2" s="3" t="s">
        <v>9</v>
      </c>
      <c r="Z2" s="3" t="s">
        <v>10</v>
      </c>
      <c r="AA2" s="3"/>
      <c r="AB2" s="3"/>
      <c r="AC2" s="3"/>
      <c r="AD2" s="3"/>
      <c r="AE2" s="22" t="s">
        <v>1</v>
      </c>
      <c r="AF2" s="23"/>
      <c r="AG2" s="24"/>
      <c r="AH2" s="1"/>
      <c r="AI2" s="1"/>
      <c r="AJ2" s="1"/>
      <c r="AK2" s="3"/>
      <c r="AL2" s="3" t="s">
        <v>11</v>
      </c>
      <c r="AM2" s="1"/>
      <c r="AN2" s="3"/>
      <c r="AO2" s="3"/>
      <c r="AP2" s="3"/>
      <c r="AQ2" s="3" t="s">
        <v>12</v>
      </c>
      <c r="AR2" s="3"/>
      <c r="AS2" s="3" t="s">
        <v>140</v>
      </c>
      <c r="AT2" s="3" t="s">
        <v>141</v>
      </c>
      <c r="AU2" s="3" t="s">
        <v>142</v>
      </c>
      <c r="AV2" s="3" t="s">
        <v>143</v>
      </c>
      <c r="AW2" s="1"/>
      <c r="AX2" s="21" t="s">
        <v>1</v>
      </c>
      <c r="AY2" s="23" t="s">
        <v>193</v>
      </c>
      <c r="AZ2" s="24"/>
      <c r="BA2" s="3"/>
      <c r="BB2" s="1"/>
      <c r="BC2" s="3" t="s">
        <v>13</v>
      </c>
      <c r="BD2" s="1" t="s">
        <v>14</v>
      </c>
      <c r="BE2" s="1"/>
      <c r="BF2" s="1"/>
      <c r="BG2" s="3"/>
      <c r="BH2" s="3" t="s">
        <v>144</v>
      </c>
      <c r="BI2" s="3" t="s">
        <v>15</v>
      </c>
      <c r="BJ2" s="3"/>
      <c r="BK2" s="22" t="s">
        <v>1</v>
      </c>
      <c r="BL2" s="24"/>
      <c r="BM2" s="22" t="s">
        <v>137</v>
      </c>
      <c r="BN2" s="23"/>
      <c r="BO2" s="23"/>
      <c r="BP2" s="23"/>
      <c r="BQ2" s="23"/>
      <c r="BR2" s="23"/>
      <c r="BS2" s="24"/>
      <c r="BT2" s="22" t="s">
        <v>137</v>
      </c>
      <c r="BU2" s="23"/>
      <c r="BV2" s="24"/>
      <c r="BW2" s="1"/>
      <c r="BX2" s="2" t="s">
        <v>1</v>
      </c>
      <c r="BY2" s="2"/>
      <c r="BZ2" s="2"/>
      <c r="CA2" s="3"/>
      <c r="CB2" s="1"/>
      <c r="CC2" s="3"/>
      <c r="CD2" s="2" t="s">
        <v>1</v>
      </c>
      <c r="CE2" s="2"/>
      <c r="CF2" s="2"/>
      <c r="CG2" s="3"/>
      <c r="CH2" s="3"/>
      <c r="CI2" s="3"/>
      <c r="CJ2" s="1"/>
      <c r="CK2" s="3" t="s">
        <v>16</v>
      </c>
      <c r="CL2" s="3"/>
      <c r="CM2" s="3" t="s">
        <v>17</v>
      </c>
      <c r="CN2" s="3"/>
      <c r="CO2" s="3" t="s">
        <v>18</v>
      </c>
      <c r="CP2" s="3"/>
      <c r="CQ2" s="3"/>
      <c r="CR2" s="13" t="s">
        <v>1</v>
      </c>
      <c r="CS2" s="13"/>
      <c r="CT2" s="3"/>
      <c r="CU2" s="3"/>
      <c r="CV2" s="22" t="s">
        <v>1</v>
      </c>
      <c r="CW2" s="23"/>
      <c r="CX2" s="24"/>
      <c r="CY2" s="3"/>
      <c r="CZ2" s="3"/>
    </row>
    <row r="3" spans="1:104" s="12" customFormat="1" ht="17.25" customHeight="1">
      <c r="A3" s="3"/>
      <c r="B3" s="3" t="s">
        <v>19</v>
      </c>
      <c r="C3" s="3" t="s">
        <v>20</v>
      </c>
      <c r="D3" s="3" t="s">
        <v>21</v>
      </c>
      <c r="E3" s="3" t="s">
        <v>22</v>
      </c>
      <c r="F3" s="3" t="s">
        <v>23</v>
      </c>
      <c r="G3" s="3" t="s">
        <v>24</v>
      </c>
      <c r="H3" s="3" t="s">
        <v>25</v>
      </c>
      <c r="I3" s="3" t="s">
        <v>26</v>
      </c>
      <c r="J3" s="3" t="s">
        <v>27</v>
      </c>
      <c r="K3" s="3" t="s">
        <v>28</v>
      </c>
      <c r="L3" s="3" t="s">
        <v>29</v>
      </c>
      <c r="M3" s="3" t="s">
        <v>188</v>
      </c>
      <c r="N3" s="3" t="s">
        <v>188</v>
      </c>
      <c r="O3" s="3" t="s">
        <v>30</v>
      </c>
      <c r="P3" s="3" t="s">
        <v>31</v>
      </c>
      <c r="Q3" s="3" t="s">
        <v>32</v>
      </c>
      <c r="R3" s="3" t="s">
        <v>145</v>
      </c>
      <c r="S3" s="3" t="s">
        <v>146</v>
      </c>
      <c r="T3" s="3" t="s">
        <v>27</v>
      </c>
      <c r="U3" s="3" t="s">
        <v>33</v>
      </c>
      <c r="V3" s="3" t="s">
        <v>34</v>
      </c>
      <c r="W3" s="29" t="s">
        <v>35</v>
      </c>
      <c r="X3" s="3" t="s">
        <v>36</v>
      </c>
      <c r="Y3" s="3" t="s">
        <v>147</v>
      </c>
      <c r="Z3" s="3" t="s">
        <v>148</v>
      </c>
      <c r="AA3" s="3" t="s">
        <v>37</v>
      </c>
      <c r="AB3" s="3" t="s">
        <v>38</v>
      </c>
      <c r="AC3" s="3" t="s">
        <v>39</v>
      </c>
      <c r="AD3" s="3" t="s">
        <v>40</v>
      </c>
      <c r="AE3" s="1"/>
      <c r="AF3" s="1"/>
      <c r="AG3" s="3"/>
      <c r="AH3" s="3" t="s">
        <v>41</v>
      </c>
      <c r="AI3" s="3" t="s">
        <v>42</v>
      </c>
      <c r="AJ3" s="3" t="s">
        <v>38</v>
      </c>
      <c r="AK3" s="3" t="s">
        <v>43</v>
      </c>
      <c r="AL3" s="3" t="s">
        <v>149</v>
      </c>
      <c r="AM3" s="3" t="s">
        <v>150</v>
      </c>
      <c r="AN3" s="3" t="s">
        <v>44</v>
      </c>
      <c r="AO3" s="3" t="s">
        <v>45</v>
      </c>
      <c r="AP3" s="3" t="s">
        <v>46</v>
      </c>
      <c r="AQ3" s="3" t="s">
        <v>151</v>
      </c>
      <c r="AR3" s="3" t="s">
        <v>182</v>
      </c>
      <c r="AS3" s="3" t="s">
        <v>152</v>
      </c>
      <c r="AT3" s="3" t="s">
        <v>153</v>
      </c>
      <c r="AU3" s="3" t="s">
        <v>153</v>
      </c>
      <c r="AV3" s="3" t="s">
        <v>153</v>
      </c>
      <c r="AW3" s="3" t="s">
        <v>47</v>
      </c>
      <c r="AX3" s="1" t="s">
        <v>48</v>
      </c>
      <c r="AY3" s="3" t="s">
        <v>49</v>
      </c>
      <c r="AZ3" s="3"/>
      <c r="BA3" s="3" t="s">
        <v>154</v>
      </c>
      <c r="BB3" s="3" t="s">
        <v>50</v>
      </c>
      <c r="BC3" s="3" t="s">
        <v>155</v>
      </c>
      <c r="BD3" s="3" t="s">
        <v>51</v>
      </c>
      <c r="BE3" s="3" t="s">
        <v>185</v>
      </c>
      <c r="BF3" s="3" t="s">
        <v>52</v>
      </c>
      <c r="BG3" s="3" t="s">
        <v>38</v>
      </c>
      <c r="BH3" s="3" t="s">
        <v>53</v>
      </c>
      <c r="BI3" s="3" t="s">
        <v>54</v>
      </c>
      <c r="BJ3" s="3" t="s">
        <v>156</v>
      </c>
      <c r="BK3" s="3" t="s">
        <v>157</v>
      </c>
      <c r="BL3" s="1" t="s">
        <v>158</v>
      </c>
      <c r="BM3" s="3" t="s">
        <v>183</v>
      </c>
      <c r="BN3" s="1" t="s">
        <v>159</v>
      </c>
      <c r="BO3" s="3" t="s">
        <v>160</v>
      </c>
      <c r="BP3" s="1"/>
      <c r="BQ3" s="2" t="s">
        <v>1</v>
      </c>
      <c r="BR3" s="2"/>
      <c r="BS3" s="2"/>
      <c r="BT3" s="1" t="s">
        <v>55</v>
      </c>
      <c r="BU3" s="3" t="s">
        <v>56</v>
      </c>
      <c r="BV3" s="1"/>
      <c r="BW3" s="3" t="s">
        <v>57</v>
      </c>
      <c r="BX3" s="3" t="s">
        <v>159</v>
      </c>
      <c r="BY3" s="1" t="s">
        <v>160</v>
      </c>
      <c r="BZ3" s="3"/>
      <c r="CA3" s="3" t="s">
        <v>58</v>
      </c>
      <c r="CB3" s="3" t="s">
        <v>59</v>
      </c>
      <c r="CC3" s="3" t="s">
        <v>60</v>
      </c>
      <c r="CD3" s="1"/>
      <c r="CE3" s="3"/>
      <c r="CF3" s="1"/>
      <c r="CG3" s="3" t="s">
        <v>61</v>
      </c>
      <c r="CH3" s="3" t="s">
        <v>62</v>
      </c>
      <c r="CI3" s="3" t="s">
        <v>63</v>
      </c>
      <c r="CJ3" s="3" t="s">
        <v>64</v>
      </c>
      <c r="CK3" s="3" t="s">
        <v>65</v>
      </c>
      <c r="CL3" s="3" t="s">
        <v>66</v>
      </c>
      <c r="CM3" s="3" t="s">
        <v>67</v>
      </c>
      <c r="CN3" s="3" t="s">
        <v>68</v>
      </c>
      <c r="CO3" s="3" t="s">
        <v>69</v>
      </c>
      <c r="CP3" s="3" t="s">
        <v>69</v>
      </c>
      <c r="CQ3" s="3" t="s">
        <v>70</v>
      </c>
      <c r="CR3" s="3" t="s">
        <v>37</v>
      </c>
      <c r="CS3" s="1" t="s">
        <v>71</v>
      </c>
      <c r="CT3" s="3" t="s">
        <v>72</v>
      </c>
      <c r="CU3" s="3" t="s">
        <v>73</v>
      </c>
      <c r="CV3" s="1" t="s">
        <v>74</v>
      </c>
      <c r="CW3" s="1" t="s">
        <v>161</v>
      </c>
      <c r="CX3" s="1"/>
      <c r="CY3" s="3" t="s">
        <v>75</v>
      </c>
      <c r="CZ3" s="3" t="s">
        <v>76</v>
      </c>
    </row>
    <row r="4" spans="1:104" s="12" customFormat="1" ht="17.25" customHeight="1">
      <c r="A4" s="3"/>
      <c r="B4" s="3"/>
      <c r="C4" s="3"/>
      <c r="D4" s="3" t="s">
        <v>77</v>
      </c>
      <c r="E4" s="3" t="s">
        <v>78</v>
      </c>
      <c r="F4" s="3" t="s">
        <v>78</v>
      </c>
      <c r="G4" s="3" t="s">
        <v>78</v>
      </c>
      <c r="H4" s="3" t="s">
        <v>78</v>
      </c>
      <c r="I4" s="3" t="s">
        <v>162</v>
      </c>
      <c r="J4" s="3"/>
      <c r="K4" s="3"/>
      <c r="L4" s="3" t="s">
        <v>27</v>
      </c>
      <c r="M4" s="3" t="s">
        <v>189</v>
      </c>
      <c r="N4" s="3" t="s">
        <v>191</v>
      </c>
      <c r="O4" s="3" t="s">
        <v>27</v>
      </c>
      <c r="P4" s="3" t="s">
        <v>27</v>
      </c>
      <c r="Q4" s="3" t="s">
        <v>27</v>
      </c>
      <c r="R4" s="3" t="s">
        <v>163</v>
      </c>
      <c r="S4" s="3" t="s">
        <v>163</v>
      </c>
      <c r="T4" s="3"/>
      <c r="U4" s="3"/>
      <c r="V4" s="3"/>
      <c r="W4" s="29"/>
      <c r="X4" s="3" t="s">
        <v>35</v>
      </c>
      <c r="Y4" s="3"/>
      <c r="Z4" s="3"/>
      <c r="AA4" s="3" t="s">
        <v>79</v>
      </c>
      <c r="AB4" s="3"/>
      <c r="AC4" s="3"/>
      <c r="AD4" s="3"/>
      <c r="AE4" s="3" t="s">
        <v>80</v>
      </c>
      <c r="AF4" s="3" t="s">
        <v>81</v>
      </c>
      <c r="AG4" s="3" t="s">
        <v>38</v>
      </c>
      <c r="AH4" s="3" t="s">
        <v>39</v>
      </c>
      <c r="AI4" s="3" t="s">
        <v>39</v>
      </c>
      <c r="AJ4" s="3"/>
      <c r="AK4" s="3"/>
      <c r="AL4" s="3" t="s">
        <v>164</v>
      </c>
      <c r="AM4" s="3" t="s">
        <v>164</v>
      </c>
      <c r="AN4" s="3"/>
      <c r="AO4" s="3" t="s">
        <v>165</v>
      </c>
      <c r="AP4" s="3" t="s">
        <v>165</v>
      </c>
      <c r="AQ4" s="3" t="s">
        <v>166</v>
      </c>
      <c r="AR4" s="3" t="s">
        <v>27</v>
      </c>
      <c r="AS4" s="3" t="s">
        <v>167</v>
      </c>
      <c r="AT4" s="3" t="s">
        <v>168</v>
      </c>
      <c r="AU4" s="3" t="s">
        <v>168</v>
      </c>
      <c r="AV4" s="3" t="s">
        <v>168</v>
      </c>
      <c r="AW4" s="3"/>
      <c r="AX4" s="3" t="s">
        <v>82</v>
      </c>
      <c r="AY4" s="3" t="s">
        <v>82</v>
      </c>
      <c r="AZ4" s="3" t="s">
        <v>38</v>
      </c>
      <c r="BA4" s="3"/>
      <c r="BB4" s="3" t="s">
        <v>83</v>
      </c>
      <c r="BC4" s="3" t="s">
        <v>169</v>
      </c>
      <c r="BD4" s="3" t="s">
        <v>170</v>
      </c>
      <c r="BE4" s="3" t="s">
        <v>186</v>
      </c>
      <c r="BF4" s="3" t="s">
        <v>84</v>
      </c>
      <c r="BG4" s="3"/>
      <c r="BH4" s="3" t="s">
        <v>85</v>
      </c>
      <c r="BI4" s="3"/>
      <c r="BJ4" s="3" t="s">
        <v>86</v>
      </c>
      <c r="BK4" s="3" t="s">
        <v>87</v>
      </c>
      <c r="BL4" s="3" t="s">
        <v>88</v>
      </c>
      <c r="BM4" s="3" t="s">
        <v>184</v>
      </c>
      <c r="BN4" s="3" t="s">
        <v>171</v>
      </c>
      <c r="BO4" s="3" t="s">
        <v>171</v>
      </c>
      <c r="BP4" s="3" t="s">
        <v>47</v>
      </c>
      <c r="BQ4" s="3" t="s">
        <v>172</v>
      </c>
      <c r="BR4" s="3" t="s">
        <v>173</v>
      </c>
      <c r="BS4" s="3" t="s">
        <v>174</v>
      </c>
      <c r="BT4" s="3" t="s">
        <v>89</v>
      </c>
      <c r="BU4" s="3" t="s">
        <v>175</v>
      </c>
      <c r="BV4" s="3" t="s">
        <v>38</v>
      </c>
      <c r="BW4" s="3" t="s">
        <v>176</v>
      </c>
      <c r="BX4" s="3" t="s">
        <v>171</v>
      </c>
      <c r="BY4" s="3" t="s">
        <v>90</v>
      </c>
      <c r="BZ4" s="3" t="s">
        <v>38</v>
      </c>
      <c r="CA4" s="3"/>
      <c r="CB4" s="3" t="s">
        <v>91</v>
      </c>
      <c r="CC4" s="3" t="s">
        <v>91</v>
      </c>
      <c r="CD4" s="3" t="s">
        <v>92</v>
      </c>
      <c r="CE4" s="3" t="s">
        <v>93</v>
      </c>
      <c r="CF4" s="3" t="s">
        <v>38</v>
      </c>
      <c r="CG4" s="3"/>
      <c r="CH4" s="3"/>
      <c r="CI4" s="3"/>
      <c r="CJ4" s="3"/>
      <c r="CK4" s="3" t="s">
        <v>94</v>
      </c>
      <c r="CL4" s="3"/>
      <c r="CM4" s="3" t="s">
        <v>95</v>
      </c>
      <c r="CN4" s="3"/>
      <c r="CO4" s="3" t="s">
        <v>96</v>
      </c>
      <c r="CP4" s="3" t="s">
        <v>97</v>
      </c>
      <c r="CQ4" s="3" t="s">
        <v>91</v>
      </c>
      <c r="CR4" s="3" t="s">
        <v>79</v>
      </c>
      <c r="CS4" s="3" t="s">
        <v>79</v>
      </c>
      <c r="CT4" s="3" t="s">
        <v>91</v>
      </c>
      <c r="CU4" s="3"/>
      <c r="CV4" s="3" t="s">
        <v>98</v>
      </c>
      <c r="CW4" s="3" t="s">
        <v>177</v>
      </c>
      <c r="CX4" s="3" t="s">
        <v>38</v>
      </c>
      <c r="CY4" s="3"/>
      <c r="CZ4" s="3"/>
    </row>
    <row r="5" spans="1:104" s="12" customFormat="1" ht="17.25" customHeight="1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30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 t="s">
        <v>178</v>
      </c>
      <c r="AR5" s="4"/>
      <c r="AS5" s="4" t="s">
        <v>170</v>
      </c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 t="s">
        <v>99</v>
      </c>
      <c r="BI5" s="4"/>
      <c r="BJ5" s="4"/>
      <c r="BK5" s="4" t="s">
        <v>100</v>
      </c>
      <c r="BL5" s="4" t="s">
        <v>101</v>
      </c>
      <c r="BM5" s="4"/>
      <c r="BN5" s="4" t="s">
        <v>102</v>
      </c>
      <c r="BO5" s="4" t="s">
        <v>102</v>
      </c>
      <c r="BP5" s="4"/>
      <c r="BQ5" s="4" t="s">
        <v>179</v>
      </c>
      <c r="BR5" s="4" t="s">
        <v>179</v>
      </c>
      <c r="BS5" s="4"/>
      <c r="BT5" s="4" t="s">
        <v>163</v>
      </c>
      <c r="BU5" s="4" t="s">
        <v>163</v>
      </c>
      <c r="BV5" s="4"/>
      <c r="BW5" s="4"/>
      <c r="BX5" s="4" t="s">
        <v>180</v>
      </c>
      <c r="BY5" s="4" t="s">
        <v>180</v>
      </c>
      <c r="BZ5" s="4"/>
      <c r="CA5" s="4"/>
      <c r="CB5" s="4"/>
      <c r="CC5" s="4"/>
      <c r="CD5" s="4"/>
      <c r="CE5" s="4"/>
      <c r="CF5" s="4"/>
      <c r="CG5" s="4"/>
      <c r="CH5" s="4"/>
      <c r="CI5" s="4"/>
      <c r="CJ5" s="4"/>
      <c r="CK5" s="4"/>
      <c r="CL5" s="4"/>
      <c r="CM5" s="4"/>
      <c r="CN5" s="4"/>
      <c r="CO5" s="4"/>
      <c r="CP5" s="4"/>
      <c r="CQ5" s="4"/>
      <c r="CR5" s="4"/>
      <c r="CS5" s="4"/>
      <c r="CT5" s="4"/>
      <c r="CU5" s="4"/>
      <c r="CV5" s="4"/>
      <c r="CW5" s="4" t="s">
        <v>181</v>
      </c>
      <c r="CX5" s="4"/>
      <c r="CY5" s="4"/>
      <c r="CZ5" s="4"/>
    </row>
    <row r="6" spans="1:104" ht="17.25" customHeight="1">
      <c r="A6" s="5" t="s">
        <v>103</v>
      </c>
      <c r="B6" s="15">
        <v>727141075</v>
      </c>
      <c r="C6" s="15">
        <v>8518838</v>
      </c>
      <c r="D6" s="15">
        <v>3202944</v>
      </c>
      <c r="E6" s="15">
        <v>0</v>
      </c>
      <c r="F6" s="15">
        <v>1046789</v>
      </c>
      <c r="G6" s="15">
        <v>37105</v>
      </c>
      <c r="H6" s="15">
        <v>4232000</v>
      </c>
      <c r="I6" s="15">
        <v>0</v>
      </c>
      <c r="J6" s="15">
        <v>898537</v>
      </c>
      <c r="K6" s="15">
        <v>4228865</v>
      </c>
      <c r="L6" s="15">
        <v>4559906</v>
      </c>
      <c r="M6" s="15">
        <v>824845</v>
      </c>
      <c r="N6" s="15">
        <v>94751961</v>
      </c>
      <c r="O6" s="15">
        <v>62370473</v>
      </c>
      <c r="P6" s="15">
        <v>142902</v>
      </c>
      <c r="Q6" s="15">
        <v>0</v>
      </c>
      <c r="R6" s="15">
        <v>4472557</v>
      </c>
      <c r="S6" s="15">
        <v>11887245</v>
      </c>
      <c r="T6" s="15">
        <v>3512240</v>
      </c>
      <c r="U6" s="15">
        <v>24972323</v>
      </c>
      <c r="V6" s="15">
        <v>23885931</v>
      </c>
      <c r="W6" s="31">
        <v>1078940</v>
      </c>
      <c r="X6" s="15">
        <v>7452</v>
      </c>
      <c r="Y6" s="15">
        <v>894288</v>
      </c>
      <c r="Z6" s="15">
        <v>39609879</v>
      </c>
      <c r="AA6" s="15">
        <v>44950</v>
      </c>
      <c r="AB6" s="15">
        <v>39564929</v>
      </c>
      <c r="AC6" s="15">
        <v>32100756</v>
      </c>
      <c r="AD6" s="15">
        <v>824322</v>
      </c>
      <c r="AE6" s="15">
        <v>824322</v>
      </c>
      <c r="AF6" s="15">
        <v>0</v>
      </c>
      <c r="AG6" s="15">
        <v>0</v>
      </c>
      <c r="AH6" s="15">
        <v>2914330</v>
      </c>
      <c r="AI6" s="15">
        <v>10183604</v>
      </c>
      <c r="AJ6" s="15">
        <v>18178500</v>
      </c>
      <c r="AK6" s="15">
        <v>9476054</v>
      </c>
      <c r="AL6" s="15">
        <v>361003</v>
      </c>
      <c r="AM6" s="15">
        <v>9115051</v>
      </c>
      <c r="AN6" s="15">
        <v>305569473</v>
      </c>
      <c r="AO6" s="15">
        <v>95107201</v>
      </c>
      <c r="AP6" s="15">
        <v>24698341</v>
      </c>
      <c r="AQ6" s="15">
        <v>31700942</v>
      </c>
      <c r="AR6" s="15">
        <v>38424491</v>
      </c>
      <c r="AS6" s="15">
        <v>5477</v>
      </c>
      <c r="AT6" s="15">
        <v>25399556</v>
      </c>
      <c r="AU6" s="15">
        <v>0</v>
      </c>
      <c r="AV6" s="15">
        <v>0</v>
      </c>
      <c r="AW6" s="15">
        <v>1586240</v>
      </c>
      <c r="AX6" s="15">
        <v>0</v>
      </c>
      <c r="AY6" s="15">
        <v>0</v>
      </c>
      <c r="AZ6" s="15">
        <v>1586240</v>
      </c>
      <c r="BA6" s="15">
        <v>0</v>
      </c>
      <c r="BB6" s="15">
        <v>14576698</v>
      </c>
      <c r="BC6" s="15">
        <v>0</v>
      </c>
      <c r="BD6" s="15">
        <v>0</v>
      </c>
      <c r="BE6" s="15">
        <v>21293</v>
      </c>
      <c r="BF6" s="15">
        <v>0</v>
      </c>
      <c r="BG6" s="15">
        <v>74049234</v>
      </c>
      <c r="BH6" s="15">
        <v>520066</v>
      </c>
      <c r="BI6" s="15">
        <v>68547853</v>
      </c>
      <c r="BJ6" s="15">
        <v>36246302</v>
      </c>
      <c r="BK6" s="15">
        <v>13048437</v>
      </c>
      <c r="BL6" s="15">
        <v>13833302</v>
      </c>
      <c r="BM6" s="15">
        <v>8243971</v>
      </c>
      <c r="BN6" s="15">
        <v>0</v>
      </c>
      <c r="BO6" s="15">
        <v>0</v>
      </c>
      <c r="BP6" s="15">
        <v>50550</v>
      </c>
      <c r="BQ6" s="15">
        <v>0</v>
      </c>
      <c r="BR6" s="15">
        <v>0</v>
      </c>
      <c r="BS6" s="15">
        <v>50550</v>
      </c>
      <c r="BT6" s="15">
        <v>0</v>
      </c>
      <c r="BU6" s="15">
        <v>117005</v>
      </c>
      <c r="BV6" s="15">
        <v>953037</v>
      </c>
      <c r="BW6" s="15">
        <v>32301551</v>
      </c>
      <c r="BX6" s="15">
        <v>2382915</v>
      </c>
      <c r="BY6" s="15">
        <v>0</v>
      </c>
      <c r="BZ6" s="15">
        <v>29918636</v>
      </c>
      <c r="CA6" s="15">
        <v>25637333</v>
      </c>
      <c r="CB6" s="15">
        <v>6107465</v>
      </c>
      <c r="CC6" s="15">
        <v>19529868</v>
      </c>
      <c r="CD6" s="15">
        <v>19454848</v>
      </c>
      <c r="CE6" s="15">
        <v>0</v>
      </c>
      <c r="CF6" s="15">
        <v>75020</v>
      </c>
      <c r="CG6" s="15">
        <v>1350914</v>
      </c>
      <c r="CH6" s="15">
        <v>30539549</v>
      </c>
      <c r="CI6" s="15">
        <v>16534186</v>
      </c>
      <c r="CJ6" s="15">
        <v>6979381</v>
      </c>
      <c r="CK6" s="15">
        <v>9554805</v>
      </c>
      <c r="CL6" s="15">
        <v>66943773</v>
      </c>
      <c r="CM6" s="15">
        <v>426778</v>
      </c>
      <c r="CN6" s="15">
        <v>2241</v>
      </c>
      <c r="CO6" s="15">
        <v>0</v>
      </c>
      <c r="CP6" s="15">
        <v>45405251</v>
      </c>
      <c r="CQ6" s="15">
        <v>0</v>
      </c>
      <c r="CR6" s="15">
        <v>0</v>
      </c>
      <c r="CS6" s="15">
        <v>0</v>
      </c>
      <c r="CT6" s="15">
        <v>8418311</v>
      </c>
      <c r="CU6" s="15">
        <v>12691192</v>
      </c>
      <c r="CV6" s="15">
        <v>0</v>
      </c>
      <c r="CW6" s="15">
        <v>0</v>
      </c>
      <c r="CX6" s="15">
        <v>12691192</v>
      </c>
      <c r="CY6" s="15">
        <v>159230000</v>
      </c>
      <c r="CZ6" s="15">
        <v>1705235891</v>
      </c>
    </row>
    <row r="7" spans="1:104" s="14" customFormat="1" ht="17.25" customHeight="1">
      <c r="A7" s="6" t="s">
        <v>104</v>
      </c>
      <c r="B7" s="16">
        <v>311185928</v>
      </c>
      <c r="C7" s="16">
        <v>3042255</v>
      </c>
      <c r="D7" s="16">
        <v>918306</v>
      </c>
      <c r="E7" s="16">
        <v>0</v>
      </c>
      <c r="F7" s="16">
        <v>558433</v>
      </c>
      <c r="G7" s="16">
        <v>15771</v>
      </c>
      <c r="H7" s="16">
        <v>1549745</v>
      </c>
      <c r="I7" s="16">
        <v>0</v>
      </c>
      <c r="J7" s="16">
        <v>363394</v>
      </c>
      <c r="K7" s="16">
        <v>1712752</v>
      </c>
      <c r="L7" s="16">
        <v>1851015</v>
      </c>
      <c r="M7" s="16">
        <v>285964</v>
      </c>
      <c r="N7" s="16">
        <v>39186078</v>
      </c>
      <c r="O7" s="16">
        <v>24235654</v>
      </c>
      <c r="P7" s="16">
        <v>35857</v>
      </c>
      <c r="Q7" s="16">
        <v>0</v>
      </c>
      <c r="R7" s="16">
        <v>1660546</v>
      </c>
      <c r="S7" s="16">
        <v>3938327</v>
      </c>
      <c r="T7" s="16">
        <v>1498310</v>
      </c>
      <c r="U7" s="16">
        <v>470189</v>
      </c>
      <c r="V7" s="16">
        <v>0</v>
      </c>
      <c r="W7" s="32">
        <v>469213</v>
      </c>
      <c r="X7" s="16">
        <v>976</v>
      </c>
      <c r="Y7" s="16">
        <v>312496</v>
      </c>
      <c r="Z7" s="16">
        <v>11875790</v>
      </c>
      <c r="AA7" s="16">
        <v>69753</v>
      </c>
      <c r="AB7" s="16">
        <v>11806037</v>
      </c>
      <c r="AC7" s="16">
        <v>13167376</v>
      </c>
      <c r="AD7" s="16">
        <v>563253</v>
      </c>
      <c r="AE7" s="16">
        <v>470662</v>
      </c>
      <c r="AF7" s="16">
        <v>0</v>
      </c>
      <c r="AG7" s="16">
        <v>92591</v>
      </c>
      <c r="AH7" s="16">
        <v>1678391</v>
      </c>
      <c r="AI7" s="16">
        <v>5039758</v>
      </c>
      <c r="AJ7" s="16">
        <v>5885974</v>
      </c>
      <c r="AK7" s="16">
        <v>3420125</v>
      </c>
      <c r="AL7" s="16">
        <v>151240</v>
      </c>
      <c r="AM7" s="16">
        <v>3268885</v>
      </c>
      <c r="AN7" s="16">
        <v>125724693</v>
      </c>
      <c r="AO7" s="16">
        <v>43883837</v>
      </c>
      <c r="AP7" s="16">
        <v>13009466</v>
      </c>
      <c r="AQ7" s="16">
        <v>7861165</v>
      </c>
      <c r="AR7" s="16">
        <v>16288247</v>
      </c>
      <c r="AS7" s="16">
        <v>29</v>
      </c>
      <c r="AT7" s="16">
        <v>6253918</v>
      </c>
      <c r="AU7" s="16">
        <v>0</v>
      </c>
      <c r="AV7" s="16">
        <v>0</v>
      </c>
      <c r="AW7" s="16">
        <v>515140</v>
      </c>
      <c r="AX7" s="16">
        <v>0</v>
      </c>
      <c r="AY7" s="16">
        <v>0</v>
      </c>
      <c r="AZ7" s="16">
        <v>515140</v>
      </c>
      <c r="BA7" s="16">
        <v>0</v>
      </c>
      <c r="BB7" s="16">
        <v>10889846</v>
      </c>
      <c r="BC7" s="16">
        <v>0</v>
      </c>
      <c r="BD7" s="16">
        <v>0</v>
      </c>
      <c r="BE7" s="16">
        <v>38465</v>
      </c>
      <c r="BF7" s="16">
        <v>0</v>
      </c>
      <c r="BG7" s="16">
        <v>26984580</v>
      </c>
      <c r="BH7" s="16">
        <v>0</v>
      </c>
      <c r="BI7" s="16">
        <v>25368753</v>
      </c>
      <c r="BJ7" s="16">
        <v>20802970</v>
      </c>
      <c r="BK7" s="16">
        <v>4544797</v>
      </c>
      <c r="BL7" s="16">
        <v>4496401</v>
      </c>
      <c r="BM7" s="16">
        <v>3433627</v>
      </c>
      <c r="BN7" s="16">
        <v>1266054</v>
      </c>
      <c r="BO7" s="16">
        <v>0</v>
      </c>
      <c r="BP7" s="16">
        <v>365757</v>
      </c>
      <c r="BQ7" s="16">
        <v>0</v>
      </c>
      <c r="BR7" s="16">
        <v>0</v>
      </c>
      <c r="BS7" s="16">
        <v>365757</v>
      </c>
      <c r="BT7" s="16">
        <v>0</v>
      </c>
      <c r="BU7" s="16">
        <v>0</v>
      </c>
      <c r="BV7" s="16">
        <v>6696334</v>
      </c>
      <c r="BW7" s="16">
        <v>4565783</v>
      </c>
      <c r="BX7" s="16">
        <v>194418</v>
      </c>
      <c r="BY7" s="16">
        <v>0</v>
      </c>
      <c r="BZ7" s="16">
        <v>4371365</v>
      </c>
      <c r="CA7" s="16">
        <v>4040825</v>
      </c>
      <c r="CB7" s="16">
        <v>3050168</v>
      </c>
      <c r="CC7" s="16">
        <v>990657</v>
      </c>
      <c r="CD7" s="16">
        <v>507807</v>
      </c>
      <c r="CE7" s="16">
        <v>0</v>
      </c>
      <c r="CF7" s="16">
        <v>482850</v>
      </c>
      <c r="CG7" s="16">
        <v>185161</v>
      </c>
      <c r="CH7" s="16">
        <v>34148070</v>
      </c>
      <c r="CI7" s="16">
        <v>4382677</v>
      </c>
      <c r="CJ7" s="16">
        <v>482009</v>
      </c>
      <c r="CK7" s="16">
        <v>3900668</v>
      </c>
      <c r="CL7" s="16">
        <v>34936474</v>
      </c>
      <c r="CM7" s="16">
        <v>404043</v>
      </c>
      <c r="CN7" s="16">
        <v>749</v>
      </c>
      <c r="CO7" s="16">
        <v>0</v>
      </c>
      <c r="CP7" s="16">
        <v>24087666</v>
      </c>
      <c r="CQ7" s="16">
        <v>301471</v>
      </c>
      <c r="CR7" s="16">
        <v>0</v>
      </c>
      <c r="CS7" s="16">
        <v>301471</v>
      </c>
      <c r="CT7" s="16">
        <v>2993068</v>
      </c>
      <c r="CU7" s="16">
        <v>7149477</v>
      </c>
      <c r="CV7" s="16">
        <v>0</v>
      </c>
      <c r="CW7" s="16">
        <v>0</v>
      </c>
      <c r="CX7" s="16">
        <v>7149477</v>
      </c>
      <c r="CY7" s="16">
        <v>53770000</v>
      </c>
      <c r="CZ7" s="16">
        <v>700798709</v>
      </c>
    </row>
    <row r="8" spans="1:104" ht="17.25" customHeight="1">
      <c r="A8" s="19" t="s">
        <v>105</v>
      </c>
      <c r="B8" s="20">
        <v>114349520</v>
      </c>
      <c r="C8" s="20">
        <v>1700626</v>
      </c>
      <c r="D8" s="20">
        <v>768903</v>
      </c>
      <c r="E8" s="20">
        <v>0</v>
      </c>
      <c r="F8" s="20">
        <v>0</v>
      </c>
      <c r="G8" s="20">
        <v>28778</v>
      </c>
      <c r="H8" s="20">
        <v>902945</v>
      </c>
      <c r="I8" s="20">
        <v>0</v>
      </c>
      <c r="J8" s="20">
        <v>135125</v>
      </c>
      <c r="K8" s="20">
        <v>635866</v>
      </c>
      <c r="L8" s="20">
        <v>685490</v>
      </c>
      <c r="M8" s="20">
        <v>118395</v>
      </c>
      <c r="N8" s="20">
        <v>14026455</v>
      </c>
      <c r="O8" s="20">
        <v>11601691</v>
      </c>
      <c r="P8" s="20">
        <v>169751</v>
      </c>
      <c r="Q8" s="20">
        <v>0</v>
      </c>
      <c r="R8" s="20">
        <v>1016125</v>
      </c>
      <c r="S8" s="20">
        <v>3107304</v>
      </c>
      <c r="T8" s="20">
        <v>776318</v>
      </c>
      <c r="U8" s="20">
        <v>13579919</v>
      </c>
      <c r="V8" s="20">
        <v>12658195</v>
      </c>
      <c r="W8" s="33">
        <v>921474</v>
      </c>
      <c r="X8" s="20">
        <v>250</v>
      </c>
      <c r="Y8" s="20">
        <v>216212</v>
      </c>
      <c r="Z8" s="20">
        <v>2533237</v>
      </c>
      <c r="AA8" s="20">
        <v>100617</v>
      </c>
      <c r="AB8" s="20">
        <v>2432620</v>
      </c>
      <c r="AC8" s="20">
        <v>3561357</v>
      </c>
      <c r="AD8" s="20">
        <v>10032</v>
      </c>
      <c r="AE8" s="20">
        <v>0</v>
      </c>
      <c r="AF8" s="20">
        <v>10032</v>
      </c>
      <c r="AG8" s="20">
        <v>0</v>
      </c>
      <c r="AH8" s="20">
        <v>646311</v>
      </c>
      <c r="AI8" s="20">
        <v>916188</v>
      </c>
      <c r="AJ8" s="20">
        <v>1988826</v>
      </c>
      <c r="AK8" s="20">
        <v>1902391</v>
      </c>
      <c r="AL8" s="20">
        <v>104611</v>
      </c>
      <c r="AM8" s="20">
        <v>1797780</v>
      </c>
      <c r="AN8" s="20">
        <v>54091357</v>
      </c>
      <c r="AO8" s="20">
        <v>16825719</v>
      </c>
      <c r="AP8" s="20">
        <v>6745679</v>
      </c>
      <c r="AQ8" s="20">
        <v>6957347</v>
      </c>
      <c r="AR8" s="20">
        <v>7820675</v>
      </c>
      <c r="AS8" s="20">
        <v>0</v>
      </c>
      <c r="AT8" s="20">
        <v>1085329</v>
      </c>
      <c r="AU8" s="20">
        <v>0</v>
      </c>
      <c r="AV8" s="20">
        <v>0</v>
      </c>
      <c r="AW8" s="20">
        <v>315819</v>
      </c>
      <c r="AX8" s="20">
        <v>0</v>
      </c>
      <c r="AY8" s="20">
        <v>0</v>
      </c>
      <c r="AZ8" s="20">
        <v>315819</v>
      </c>
      <c r="BA8" s="20">
        <v>13828</v>
      </c>
      <c r="BB8" s="20">
        <v>2327894</v>
      </c>
      <c r="BC8" s="20">
        <v>89588</v>
      </c>
      <c r="BD8" s="20">
        <v>0</v>
      </c>
      <c r="BE8" s="20">
        <v>68697</v>
      </c>
      <c r="BF8" s="20">
        <v>0</v>
      </c>
      <c r="BG8" s="20">
        <v>11840782</v>
      </c>
      <c r="BH8" s="20">
        <v>1312740</v>
      </c>
      <c r="BI8" s="20">
        <v>14178400</v>
      </c>
      <c r="BJ8" s="20">
        <v>9495827</v>
      </c>
      <c r="BK8" s="20">
        <v>2901680</v>
      </c>
      <c r="BL8" s="20">
        <v>3070836</v>
      </c>
      <c r="BM8" s="20">
        <v>1704245</v>
      </c>
      <c r="BN8" s="20">
        <v>299341</v>
      </c>
      <c r="BO8" s="20">
        <v>0</v>
      </c>
      <c r="BP8" s="20">
        <v>199285</v>
      </c>
      <c r="BQ8" s="20">
        <v>1643</v>
      </c>
      <c r="BR8" s="20">
        <v>0</v>
      </c>
      <c r="BS8" s="20">
        <v>197642</v>
      </c>
      <c r="BT8" s="20">
        <v>14400</v>
      </c>
      <c r="BU8" s="20">
        <v>0</v>
      </c>
      <c r="BV8" s="20">
        <v>1306040</v>
      </c>
      <c r="BW8" s="20">
        <v>4682573</v>
      </c>
      <c r="BX8" s="20">
        <v>180051</v>
      </c>
      <c r="BY8" s="20">
        <v>0</v>
      </c>
      <c r="BZ8" s="20">
        <v>4502522</v>
      </c>
      <c r="CA8" s="20">
        <v>312665</v>
      </c>
      <c r="CB8" s="20">
        <v>168991</v>
      </c>
      <c r="CC8" s="20">
        <v>143674</v>
      </c>
      <c r="CD8" s="20">
        <v>136636</v>
      </c>
      <c r="CE8" s="20">
        <v>0</v>
      </c>
      <c r="CF8" s="20">
        <v>7038</v>
      </c>
      <c r="CG8" s="20">
        <v>233477</v>
      </c>
      <c r="CH8" s="20">
        <v>5144057</v>
      </c>
      <c r="CI8" s="20">
        <v>3215156</v>
      </c>
      <c r="CJ8" s="20">
        <v>2332313</v>
      </c>
      <c r="CK8" s="20">
        <v>882843</v>
      </c>
      <c r="CL8" s="20">
        <v>16468678</v>
      </c>
      <c r="CM8" s="20">
        <v>320392</v>
      </c>
      <c r="CN8" s="20">
        <v>53</v>
      </c>
      <c r="CO8" s="20">
        <v>0</v>
      </c>
      <c r="CP8" s="20">
        <v>11841348</v>
      </c>
      <c r="CQ8" s="20">
        <v>133061</v>
      </c>
      <c r="CR8" s="20">
        <v>2167</v>
      </c>
      <c r="CS8" s="20">
        <v>130894</v>
      </c>
      <c r="CT8" s="20">
        <v>1038985</v>
      </c>
      <c r="CU8" s="20">
        <v>3134839</v>
      </c>
      <c r="CV8" s="20">
        <v>0</v>
      </c>
      <c r="CW8" s="20">
        <v>0</v>
      </c>
      <c r="CX8" s="20">
        <v>3134839</v>
      </c>
      <c r="CY8" s="20">
        <v>27486300</v>
      </c>
      <c r="CZ8" s="20">
        <v>292558612</v>
      </c>
    </row>
    <row r="9" spans="1:104" ht="17.25" customHeight="1">
      <c r="A9" s="6" t="s">
        <v>106</v>
      </c>
      <c r="B9" s="16">
        <v>61981975</v>
      </c>
      <c r="C9" s="16">
        <v>687640</v>
      </c>
      <c r="D9" s="16">
        <v>192411</v>
      </c>
      <c r="E9" s="16">
        <v>0</v>
      </c>
      <c r="F9" s="16">
        <v>23608</v>
      </c>
      <c r="G9" s="16">
        <v>0</v>
      </c>
      <c r="H9" s="16">
        <v>471621</v>
      </c>
      <c r="I9" s="16">
        <v>0</v>
      </c>
      <c r="J9" s="16">
        <v>72000</v>
      </c>
      <c r="K9" s="16">
        <v>337954</v>
      </c>
      <c r="L9" s="16">
        <v>362870</v>
      </c>
      <c r="M9" s="16">
        <v>0</v>
      </c>
      <c r="N9" s="16">
        <v>0</v>
      </c>
      <c r="O9" s="16">
        <v>6531319</v>
      </c>
      <c r="P9" s="16">
        <v>17062</v>
      </c>
      <c r="Q9" s="16">
        <v>0</v>
      </c>
      <c r="R9" s="16">
        <v>358954</v>
      </c>
      <c r="S9" s="16">
        <v>0</v>
      </c>
      <c r="T9" s="16">
        <v>288457</v>
      </c>
      <c r="U9" s="16">
        <v>12272752</v>
      </c>
      <c r="V9" s="16">
        <v>11312383</v>
      </c>
      <c r="W9" s="32">
        <v>960184</v>
      </c>
      <c r="X9" s="16">
        <v>185</v>
      </c>
      <c r="Y9" s="16">
        <v>50994</v>
      </c>
      <c r="Z9" s="16">
        <v>1456855</v>
      </c>
      <c r="AA9" s="16">
        <v>716724</v>
      </c>
      <c r="AB9" s="16">
        <v>740131</v>
      </c>
      <c r="AC9" s="16">
        <v>3097712</v>
      </c>
      <c r="AD9" s="16">
        <v>149250</v>
      </c>
      <c r="AE9" s="16">
        <v>122331</v>
      </c>
      <c r="AF9" s="16">
        <v>7994</v>
      </c>
      <c r="AG9" s="16">
        <v>18925</v>
      </c>
      <c r="AH9" s="16">
        <v>233257</v>
      </c>
      <c r="AI9" s="16">
        <v>1098996</v>
      </c>
      <c r="AJ9" s="16">
        <v>1616209</v>
      </c>
      <c r="AK9" s="16">
        <v>1003714</v>
      </c>
      <c r="AL9" s="16">
        <v>6463</v>
      </c>
      <c r="AM9" s="16">
        <v>997251</v>
      </c>
      <c r="AN9" s="16">
        <v>22668073</v>
      </c>
      <c r="AO9" s="16">
        <v>7003266</v>
      </c>
      <c r="AP9" s="16">
        <v>2040098</v>
      </c>
      <c r="AQ9" s="16">
        <v>3207965</v>
      </c>
      <c r="AR9" s="16">
        <v>3562719</v>
      </c>
      <c r="AS9" s="16">
        <v>0</v>
      </c>
      <c r="AT9" s="16">
        <v>1619186</v>
      </c>
      <c r="AU9" s="16">
        <v>0</v>
      </c>
      <c r="AV9" s="16">
        <v>0</v>
      </c>
      <c r="AW9" s="16">
        <v>126373</v>
      </c>
      <c r="AX9" s="16">
        <v>0</v>
      </c>
      <c r="AY9" s="16">
        <v>0</v>
      </c>
      <c r="AZ9" s="16">
        <v>126373</v>
      </c>
      <c r="BA9" s="16">
        <v>0</v>
      </c>
      <c r="BB9" s="16">
        <v>621666</v>
      </c>
      <c r="BC9" s="16">
        <v>401284</v>
      </c>
      <c r="BD9" s="16">
        <v>0</v>
      </c>
      <c r="BE9" s="16">
        <v>61872</v>
      </c>
      <c r="BF9" s="16">
        <v>0</v>
      </c>
      <c r="BG9" s="16">
        <v>4023644</v>
      </c>
      <c r="BH9" s="16">
        <v>2276708</v>
      </c>
      <c r="BI9" s="16">
        <v>7671009</v>
      </c>
      <c r="BJ9" s="16">
        <v>4333766</v>
      </c>
      <c r="BK9" s="16">
        <v>936873</v>
      </c>
      <c r="BL9" s="16">
        <v>1552429</v>
      </c>
      <c r="BM9" s="16">
        <v>795758</v>
      </c>
      <c r="BN9" s="16">
        <v>199574</v>
      </c>
      <c r="BO9" s="16">
        <v>0</v>
      </c>
      <c r="BP9" s="16">
        <v>121305</v>
      </c>
      <c r="BQ9" s="16">
        <v>0</v>
      </c>
      <c r="BR9" s="16">
        <v>0</v>
      </c>
      <c r="BS9" s="16">
        <v>121305</v>
      </c>
      <c r="BT9" s="16">
        <v>0</v>
      </c>
      <c r="BU9" s="16">
        <v>8078</v>
      </c>
      <c r="BV9" s="16">
        <v>719749</v>
      </c>
      <c r="BW9" s="16">
        <v>3337243</v>
      </c>
      <c r="BX9" s="16">
        <v>0</v>
      </c>
      <c r="BY9" s="16">
        <v>0</v>
      </c>
      <c r="BZ9" s="16">
        <v>3337243</v>
      </c>
      <c r="CA9" s="16">
        <v>984908</v>
      </c>
      <c r="CB9" s="16">
        <v>129694</v>
      </c>
      <c r="CC9" s="16">
        <v>855214</v>
      </c>
      <c r="CD9" s="16">
        <v>558293</v>
      </c>
      <c r="CE9" s="16">
        <v>0</v>
      </c>
      <c r="CF9" s="16">
        <v>296921</v>
      </c>
      <c r="CG9" s="16">
        <v>170148</v>
      </c>
      <c r="CH9" s="16">
        <v>2867989</v>
      </c>
      <c r="CI9" s="16">
        <v>1872925</v>
      </c>
      <c r="CJ9" s="16">
        <v>1644195</v>
      </c>
      <c r="CK9" s="16">
        <v>228730</v>
      </c>
      <c r="CL9" s="16">
        <v>3886637</v>
      </c>
      <c r="CM9" s="16">
        <v>308406</v>
      </c>
      <c r="CN9" s="16">
        <v>6</v>
      </c>
      <c r="CO9" s="16">
        <v>0</v>
      </c>
      <c r="CP9" s="16">
        <v>2011889</v>
      </c>
      <c r="CQ9" s="16">
        <v>261283</v>
      </c>
      <c r="CR9" s="16">
        <v>261283</v>
      </c>
      <c r="CS9" s="16">
        <v>0</v>
      </c>
      <c r="CT9" s="16">
        <v>0</v>
      </c>
      <c r="CU9" s="16">
        <v>1305053</v>
      </c>
      <c r="CV9" s="16">
        <v>0</v>
      </c>
      <c r="CW9" s="16">
        <v>0</v>
      </c>
      <c r="CX9" s="16">
        <v>1305053</v>
      </c>
      <c r="CY9" s="16">
        <v>15836800</v>
      </c>
      <c r="CZ9" s="16">
        <v>146755455</v>
      </c>
    </row>
    <row r="10" spans="1:104" s="14" customFormat="1" ht="17.25" customHeight="1">
      <c r="A10" s="6" t="s">
        <v>107</v>
      </c>
      <c r="B10" s="16">
        <v>43807930</v>
      </c>
      <c r="C10" s="16">
        <v>489273</v>
      </c>
      <c r="D10" s="16">
        <v>141772</v>
      </c>
      <c r="E10" s="16">
        <v>0</v>
      </c>
      <c r="F10" s="16">
        <v>0</v>
      </c>
      <c r="G10" s="16">
        <v>0</v>
      </c>
      <c r="H10" s="16">
        <v>347501</v>
      </c>
      <c r="I10" s="16">
        <v>0</v>
      </c>
      <c r="J10" s="16">
        <v>46845</v>
      </c>
      <c r="K10" s="16">
        <v>220277</v>
      </c>
      <c r="L10" s="16">
        <v>237185</v>
      </c>
      <c r="M10" s="16">
        <v>0</v>
      </c>
      <c r="N10" s="16">
        <v>0</v>
      </c>
      <c r="O10" s="16">
        <v>4360196</v>
      </c>
      <c r="P10" s="16">
        <v>44010</v>
      </c>
      <c r="Q10" s="16">
        <v>0</v>
      </c>
      <c r="R10" s="16">
        <v>264810</v>
      </c>
      <c r="S10" s="16">
        <v>0</v>
      </c>
      <c r="T10" s="16">
        <v>202102</v>
      </c>
      <c r="U10" s="16">
        <v>1060660</v>
      </c>
      <c r="V10" s="16">
        <v>939762</v>
      </c>
      <c r="W10" s="32">
        <v>120650</v>
      </c>
      <c r="X10" s="16">
        <v>248</v>
      </c>
      <c r="Y10" s="16">
        <v>38923</v>
      </c>
      <c r="Z10" s="16">
        <v>1003475</v>
      </c>
      <c r="AA10" s="16">
        <v>198128</v>
      </c>
      <c r="AB10" s="16">
        <v>805347</v>
      </c>
      <c r="AC10" s="16">
        <v>1149315</v>
      </c>
      <c r="AD10" s="16">
        <v>17003</v>
      </c>
      <c r="AE10" s="16">
        <v>0</v>
      </c>
      <c r="AF10" s="16">
        <v>17003</v>
      </c>
      <c r="AG10" s="16">
        <v>0</v>
      </c>
      <c r="AH10" s="16">
        <v>221365</v>
      </c>
      <c r="AI10" s="16">
        <v>330247</v>
      </c>
      <c r="AJ10" s="16">
        <v>580700</v>
      </c>
      <c r="AK10" s="16">
        <v>633007</v>
      </c>
      <c r="AL10" s="16">
        <v>33177</v>
      </c>
      <c r="AM10" s="16">
        <v>599830</v>
      </c>
      <c r="AN10" s="16">
        <v>13853390</v>
      </c>
      <c r="AO10" s="16">
        <v>4399674</v>
      </c>
      <c r="AP10" s="16">
        <v>1621208</v>
      </c>
      <c r="AQ10" s="16">
        <v>2009627</v>
      </c>
      <c r="AR10" s="16">
        <v>2714702</v>
      </c>
      <c r="AS10" s="16">
        <v>0</v>
      </c>
      <c r="AT10" s="16">
        <v>166012</v>
      </c>
      <c r="AU10" s="16">
        <v>0</v>
      </c>
      <c r="AV10" s="16">
        <v>0</v>
      </c>
      <c r="AW10" s="16">
        <v>392937</v>
      </c>
      <c r="AX10" s="16">
        <v>342252</v>
      </c>
      <c r="AY10" s="16">
        <v>0</v>
      </c>
      <c r="AZ10" s="16">
        <v>50685</v>
      </c>
      <c r="BA10" s="16">
        <v>0</v>
      </c>
      <c r="BB10" s="16">
        <v>678844</v>
      </c>
      <c r="BC10" s="16">
        <v>0</v>
      </c>
      <c r="BD10" s="16">
        <v>0</v>
      </c>
      <c r="BE10" s="16">
        <v>2500</v>
      </c>
      <c r="BF10" s="16">
        <v>0</v>
      </c>
      <c r="BG10" s="16">
        <v>1867886</v>
      </c>
      <c r="BH10" s="16">
        <v>0</v>
      </c>
      <c r="BI10" s="16">
        <v>5288037</v>
      </c>
      <c r="BJ10" s="16">
        <v>3097757</v>
      </c>
      <c r="BK10" s="16">
        <v>808139</v>
      </c>
      <c r="BL10" s="16">
        <v>1000520</v>
      </c>
      <c r="BM10" s="16">
        <v>595274</v>
      </c>
      <c r="BN10" s="16">
        <v>168</v>
      </c>
      <c r="BO10" s="16">
        <v>0</v>
      </c>
      <c r="BP10" s="16">
        <v>75523</v>
      </c>
      <c r="BQ10" s="16">
        <v>0</v>
      </c>
      <c r="BR10" s="16">
        <v>0</v>
      </c>
      <c r="BS10" s="16">
        <v>75523</v>
      </c>
      <c r="BT10" s="16">
        <v>0</v>
      </c>
      <c r="BU10" s="16">
        <v>0</v>
      </c>
      <c r="BV10" s="16">
        <v>618133</v>
      </c>
      <c r="BW10" s="16">
        <v>2190280</v>
      </c>
      <c r="BX10" s="16">
        <v>0</v>
      </c>
      <c r="BY10" s="16">
        <v>0</v>
      </c>
      <c r="BZ10" s="16">
        <v>2190280</v>
      </c>
      <c r="CA10" s="16">
        <v>266037</v>
      </c>
      <c r="CB10" s="16">
        <v>97591</v>
      </c>
      <c r="CC10" s="16">
        <v>168446</v>
      </c>
      <c r="CD10" s="16">
        <v>163670</v>
      </c>
      <c r="CE10" s="16">
        <v>0</v>
      </c>
      <c r="CF10" s="16">
        <v>4776</v>
      </c>
      <c r="CG10" s="16">
        <v>30063</v>
      </c>
      <c r="CH10" s="16">
        <v>1355345</v>
      </c>
      <c r="CI10" s="16">
        <v>3944197</v>
      </c>
      <c r="CJ10" s="16">
        <v>3357784</v>
      </c>
      <c r="CK10" s="16">
        <v>586413</v>
      </c>
      <c r="CL10" s="16">
        <v>3307191</v>
      </c>
      <c r="CM10" s="16">
        <v>208985</v>
      </c>
      <c r="CN10" s="16">
        <v>0</v>
      </c>
      <c r="CO10" s="16">
        <v>3266</v>
      </c>
      <c r="CP10" s="16">
        <v>2326398</v>
      </c>
      <c r="CQ10" s="16">
        <v>0</v>
      </c>
      <c r="CR10" s="16">
        <v>0</v>
      </c>
      <c r="CS10" s="16">
        <v>0</v>
      </c>
      <c r="CT10" s="16">
        <v>300000</v>
      </c>
      <c r="CU10" s="16">
        <v>468542</v>
      </c>
      <c r="CV10" s="16">
        <v>0</v>
      </c>
      <c r="CW10" s="16">
        <v>0</v>
      </c>
      <c r="CX10" s="16">
        <v>468542</v>
      </c>
      <c r="CY10" s="16">
        <v>4365800</v>
      </c>
      <c r="CZ10" s="16">
        <v>85968068</v>
      </c>
    </row>
    <row r="11" spans="1:104" s="14" customFormat="1" ht="17.25" customHeight="1">
      <c r="A11" s="6" t="s">
        <v>108</v>
      </c>
      <c r="B11" s="16">
        <v>35590715</v>
      </c>
      <c r="C11" s="16">
        <v>291338</v>
      </c>
      <c r="D11" s="16">
        <v>84418</v>
      </c>
      <c r="E11" s="16">
        <v>0</v>
      </c>
      <c r="F11" s="16">
        <v>0</v>
      </c>
      <c r="G11" s="16">
        <v>0</v>
      </c>
      <c r="H11" s="16">
        <v>206920</v>
      </c>
      <c r="I11" s="16">
        <v>0</v>
      </c>
      <c r="J11" s="16">
        <v>49019</v>
      </c>
      <c r="K11" s="16">
        <v>230548</v>
      </c>
      <c r="L11" s="16">
        <v>248329</v>
      </c>
      <c r="M11" s="16">
        <v>0</v>
      </c>
      <c r="N11" s="16">
        <v>0</v>
      </c>
      <c r="O11" s="16">
        <v>2895725</v>
      </c>
      <c r="P11" s="16">
        <v>24074</v>
      </c>
      <c r="Q11" s="16">
        <v>0</v>
      </c>
      <c r="R11" s="16">
        <v>157309</v>
      </c>
      <c r="S11" s="16">
        <v>0</v>
      </c>
      <c r="T11" s="16">
        <v>95706</v>
      </c>
      <c r="U11" s="16">
        <v>28945</v>
      </c>
      <c r="V11" s="16">
        <v>0</v>
      </c>
      <c r="W11" s="32">
        <v>28649</v>
      </c>
      <c r="X11" s="16">
        <v>296</v>
      </c>
      <c r="Y11" s="16">
        <v>21122</v>
      </c>
      <c r="Z11" s="16">
        <v>544656</v>
      </c>
      <c r="AA11" s="16">
        <v>26566</v>
      </c>
      <c r="AB11" s="16">
        <v>518090</v>
      </c>
      <c r="AC11" s="16">
        <v>676696</v>
      </c>
      <c r="AD11" s="16">
        <v>0</v>
      </c>
      <c r="AE11" s="16">
        <v>0</v>
      </c>
      <c r="AF11" s="16">
        <v>0</v>
      </c>
      <c r="AG11" s="16">
        <v>0</v>
      </c>
      <c r="AH11" s="16">
        <v>196689</v>
      </c>
      <c r="AI11" s="16">
        <v>119796</v>
      </c>
      <c r="AJ11" s="16">
        <v>360211</v>
      </c>
      <c r="AK11" s="16">
        <v>763959</v>
      </c>
      <c r="AL11" s="16">
        <v>40560</v>
      </c>
      <c r="AM11" s="16">
        <v>723399</v>
      </c>
      <c r="AN11" s="16">
        <v>6492761</v>
      </c>
      <c r="AO11" s="16">
        <v>1557583</v>
      </c>
      <c r="AP11" s="16">
        <v>687495</v>
      </c>
      <c r="AQ11" s="16">
        <v>1159420</v>
      </c>
      <c r="AR11" s="16">
        <v>1586020</v>
      </c>
      <c r="AS11" s="16">
        <v>0</v>
      </c>
      <c r="AT11" s="16">
        <v>239740</v>
      </c>
      <c r="AU11" s="16">
        <v>0</v>
      </c>
      <c r="AV11" s="16">
        <v>0</v>
      </c>
      <c r="AW11" s="16">
        <v>43430</v>
      </c>
      <c r="AX11" s="16">
        <v>0</v>
      </c>
      <c r="AY11" s="16">
        <v>0</v>
      </c>
      <c r="AZ11" s="16">
        <v>43430</v>
      </c>
      <c r="BA11" s="16">
        <v>0</v>
      </c>
      <c r="BB11" s="16">
        <v>268019</v>
      </c>
      <c r="BC11" s="16">
        <v>0</v>
      </c>
      <c r="BD11" s="16">
        <v>0</v>
      </c>
      <c r="BE11" s="16">
        <v>12532</v>
      </c>
      <c r="BF11" s="16">
        <v>0</v>
      </c>
      <c r="BG11" s="16">
        <v>938522</v>
      </c>
      <c r="BH11" s="16">
        <v>0</v>
      </c>
      <c r="BI11" s="16">
        <v>3108453</v>
      </c>
      <c r="BJ11" s="16">
        <v>1660523</v>
      </c>
      <c r="BK11" s="16">
        <v>347486</v>
      </c>
      <c r="BL11" s="16">
        <v>598210</v>
      </c>
      <c r="BM11" s="16">
        <v>351292</v>
      </c>
      <c r="BN11" s="16">
        <v>1154</v>
      </c>
      <c r="BO11" s="16">
        <v>0</v>
      </c>
      <c r="BP11" s="16">
        <v>2372</v>
      </c>
      <c r="BQ11" s="16">
        <v>0</v>
      </c>
      <c r="BR11" s="16">
        <v>0</v>
      </c>
      <c r="BS11" s="16">
        <v>2372</v>
      </c>
      <c r="BT11" s="16">
        <v>0</v>
      </c>
      <c r="BU11" s="16">
        <v>0</v>
      </c>
      <c r="BV11" s="16">
        <v>360009</v>
      </c>
      <c r="BW11" s="16">
        <v>1447930</v>
      </c>
      <c r="BX11" s="16">
        <v>0</v>
      </c>
      <c r="BY11" s="16">
        <v>0</v>
      </c>
      <c r="BZ11" s="16">
        <v>1447930</v>
      </c>
      <c r="CA11" s="16">
        <v>71567</v>
      </c>
      <c r="CB11" s="16">
        <v>51533</v>
      </c>
      <c r="CC11" s="16">
        <v>20034</v>
      </c>
      <c r="CD11" s="16">
        <v>9727</v>
      </c>
      <c r="CE11" s="16">
        <v>0</v>
      </c>
      <c r="CF11" s="16">
        <v>10307</v>
      </c>
      <c r="CG11" s="16">
        <v>281909</v>
      </c>
      <c r="CH11" s="16">
        <v>707250</v>
      </c>
      <c r="CI11" s="16">
        <v>2895673</v>
      </c>
      <c r="CJ11" s="16">
        <v>2358848</v>
      </c>
      <c r="CK11" s="16">
        <v>536825</v>
      </c>
      <c r="CL11" s="16">
        <v>2110605</v>
      </c>
      <c r="CM11" s="16">
        <v>118822</v>
      </c>
      <c r="CN11" s="16">
        <v>154</v>
      </c>
      <c r="CO11" s="16">
        <v>0</v>
      </c>
      <c r="CP11" s="16">
        <v>1562043</v>
      </c>
      <c r="CQ11" s="16">
        <v>0</v>
      </c>
      <c r="CR11" s="16">
        <v>0</v>
      </c>
      <c r="CS11" s="16">
        <v>0</v>
      </c>
      <c r="CT11" s="16">
        <v>0</v>
      </c>
      <c r="CU11" s="16">
        <v>429586</v>
      </c>
      <c r="CV11" s="16">
        <v>0</v>
      </c>
      <c r="CW11" s="16">
        <v>0</v>
      </c>
      <c r="CX11" s="16">
        <v>429586</v>
      </c>
      <c r="CY11" s="16">
        <v>4437931</v>
      </c>
      <c r="CZ11" s="16">
        <v>61724290</v>
      </c>
    </row>
    <row r="12" spans="1:104" s="14" customFormat="1" ht="17.25" customHeight="1">
      <c r="A12" s="6" t="s">
        <v>109</v>
      </c>
      <c r="B12" s="16">
        <v>80686527</v>
      </c>
      <c r="C12" s="16">
        <v>780821</v>
      </c>
      <c r="D12" s="16">
        <v>226252</v>
      </c>
      <c r="E12" s="16">
        <v>0</v>
      </c>
      <c r="F12" s="16">
        <v>0</v>
      </c>
      <c r="G12" s="16">
        <v>0</v>
      </c>
      <c r="H12" s="16">
        <v>554569</v>
      </c>
      <c r="I12" s="16">
        <v>0</v>
      </c>
      <c r="J12" s="16">
        <v>96286</v>
      </c>
      <c r="K12" s="16">
        <v>453287</v>
      </c>
      <c r="L12" s="16">
        <v>488980</v>
      </c>
      <c r="M12" s="16">
        <v>0</v>
      </c>
      <c r="N12" s="16">
        <v>0</v>
      </c>
      <c r="O12" s="16">
        <v>6978595</v>
      </c>
      <c r="P12" s="16">
        <v>18394</v>
      </c>
      <c r="Q12" s="16">
        <v>0</v>
      </c>
      <c r="R12" s="16">
        <v>421848</v>
      </c>
      <c r="S12" s="16">
        <v>0</v>
      </c>
      <c r="T12" s="16">
        <v>358702</v>
      </c>
      <c r="U12" s="16">
        <v>74617</v>
      </c>
      <c r="V12" s="16">
        <v>0</v>
      </c>
      <c r="W12" s="32">
        <v>74548</v>
      </c>
      <c r="X12" s="16">
        <v>69</v>
      </c>
      <c r="Y12" s="16">
        <v>53456</v>
      </c>
      <c r="Z12" s="16">
        <v>1618930</v>
      </c>
      <c r="AA12" s="16">
        <v>120588</v>
      </c>
      <c r="AB12" s="16">
        <v>1498342</v>
      </c>
      <c r="AC12" s="16">
        <v>1905962</v>
      </c>
      <c r="AD12" s="16">
        <v>19794</v>
      </c>
      <c r="AE12" s="16">
        <v>0</v>
      </c>
      <c r="AF12" s="16">
        <v>0</v>
      </c>
      <c r="AG12" s="16">
        <v>19794</v>
      </c>
      <c r="AH12" s="16">
        <v>541995</v>
      </c>
      <c r="AI12" s="16">
        <v>361838</v>
      </c>
      <c r="AJ12" s="16">
        <v>982335</v>
      </c>
      <c r="AK12" s="16">
        <v>1977832</v>
      </c>
      <c r="AL12" s="16">
        <v>95142</v>
      </c>
      <c r="AM12" s="16">
        <v>1882690</v>
      </c>
      <c r="AN12" s="16">
        <v>22591988</v>
      </c>
      <c r="AO12" s="16">
        <v>7786863</v>
      </c>
      <c r="AP12" s="16">
        <v>2854174</v>
      </c>
      <c r="AQ12" s="16">
        <v>2837017</v>
      </c>
      <c r="AR12" s="16">
        <v>4770420</v>
      </c>
      <c r="AS12" s="16">
        <v>0</v>
      </c>
      <c r="AT12" s="16">
        <v>332988</v>
      </c>
      <c r="AU12" s="16">
        <v>2130</v>
      </c>
      <c r="AV12" s="16">
        <v>0</v>
      </c>
      <c r="AW12" s="16">
        <v>112484</v>
      </c>
      <c r="AX12" s="16">
        <v>0</v>
      </c>
      <c r="AY12" s="16">
        <v>0</v>
      </c>
      <c r="AZ12" s="16">
        <v>112484</v>
      </c>
      <c r="BA12" s="16">
        <v>0</v>
      </c>
      <c r="BB12" s="16">
        <v>1085586</v>
      </c>
      <c r="BC12" s="16">
        <v>196662</v>
      </c>
      <c r="BD12" s="16">
        <v>0</v>
      </c>
      <c r="BE12" s="16">
        <v>0</v>
      </c>
      <c r="BF12" s="16">
        <v>0</v>
      </c>
      <c r="BG12" s="16">
        <v>2613664</v>
      </c>
      <c r="BH12" s="16">
        <v>0</v>
      </c>
      <c r="BI12" s="16">
        <v>8867500</v>
      </c>
      <c r="BJ12" s="16">
        <v>5804659</v>
      </c>
      <c r="BK12" s="16">
        <v>1468580</v>
      </c>
      <c r="BL12" s="16">
        <v>1411783</v>
      </c>
      <c r="BM12" s="16">
        <v>1034760</v>
      </c>
      <c r="BN12" s="16">
        <v>877003</v>
      </c>
      <c r="BO12" s="16">
        <v>0</v>
      </c>
      <c r="BP12" s="16">
        <v>123560</v>
      </c>
      <c r="BQ12" s="16">
        <v>0</v>
      </c>
      <c r="BR12" s="16">
        <v>0</v>
      </c>
      <c r="BS12" s="16">
        <v>123560</v>
      </c>
      <c r="BT12" s="16">
        <v>0</v>
      </c>
      <c r="BU12" s="16">
        <v>0</v>
      </c>
      <c r="BV12" s="16">
        <v>888973</v>
      </c>
      <c r="BW12" s="16">
        <v>3062841</v>
      </c>
      <c r="BX12" s="16">
        <v>167159</v>
      </c>
      <c r="BY12" s="16">
        <v>0</v>
      </c>
      <c r="BZ12" s="16">
        <v>2895682</v>
      </c>
      <c r="CA12" s="16">
        <v>342092</v>
      </c>
      <c r="CB12" s="16">
        <v>102276</v>
      </c>
      <c r="CC12" s="16">
        <v>239816</v>
      </c>
      <c r="CD12" s="16">
        <v>231311</v>
      </c>
      <c r="CE12" s="16">
        <v>0</v>
      </c>
      <c r="CF12" s="16">
        <v>8505</v>
      </c>
      <c r="CG12" s="16">
        <v>329845</v>
      </c>
      <c r="CH12" s="16">
        <v>7475691</v>
      </c>
      <c r="CI12" s="16">
        <v>4665811</v>
      </c>
      <c r="CJ12" s="16">
        <v>4253789</v>
      </c>
      <c r="CK12" s="16">
        <v>412022</v>
      </c>
      <c r="CL12" s="16">
        <v>3926453</v>
      </c>
      <c r="CM12" s="16">
        <v>109677</v>
      </c>
      <c r="CN12" s="16">
        <v>701</v>
      </c>
      <c r="CO12" s="16">
        <v>0</v>
      </c>
      <c r="CP12" s="16">
        <v>1331055</v>
      </c>
      <c r="CQ12" s="16">
        <v>0</v>
      </c>
      <c r="CR12" s="16">
        <v>0</v>
      </c>
      <c r="CS12" s="16">
        <v>0</v>
      </c>
      <c r="CT12" s="16">
        <v>0</v>
      </c>
      <c r="CU12" s="16">
        <v>2485020</v>
      </c>
      <c r="CV12" s="16">
        <v>0</v>
      </c>
      <c r="CW12" s="16">
        <v>0</v>
      </c>
      <c r="CX12" s="16">
        <v>2485020</v>
      </c>
      <c r="CY12" s="16">
        <v>15580100</v>
      </c>
      <c r="CZ12" s="16">
        <v>159693717</v>
      </c>
    </row>
    <row r="13" spans="1:104" s="14" customFormat="1" ht="17.25" customHeight="1">
      <c r="A13" s="6" t="s">
        <v>110</v>
      </c>
      <c r="B13" s="16">
        <v>33268654</v>
      </c>
      <c r="C13" s="16">
        <v>365620</v>
      </c>
      <c r="D13" s="16">
        <v>105942</v>
      </c>
      <c r="E13" s="16">
        <v>0</v>
      </c>
      <c r="F13" s="16">
        <v>0</v>
      </c>
      <c r="G13" s="16">
        <v>0</v>
      </c>
      <c r="H13" s="16">
        <v>259678</v>
      </c>
      <c r="I13" s="16">
        <v>0</v>
      </c>
      <c r="J13" s="16">
        <v>35563</v>
      </c>
      <c r="K13" s="16">
        <v>167263</v>
      </c>
      <c r="L13" s="16">
        <v>180158</v>
      </c>
      <c r="M13" s="16">
        <v>0</v>
      </c>
      <c r="N13" s="16">
        <v>0</v>
      </c>
      <c r="O13" s="16">
        <v>3341517</v>
      </c>
      <c r="P13" s="16">
        <v>13237</v>
      </c>
      <c r="Q13" s="16">
        <v>0</v>
      </c>
      <c r="R13" s="16">
        <v>197621</v>
      </c>
      <c r="S13" s="16">
        <v>0</v>
      </c>
      <c r="T13" s="16">
        <v>127256</v>
      </c>
      <c r="U13" s="16">
        <v>1104920</v>
      </c>
      <c r="V13" s="16">
        <v>955293</v>
      </c>
      <c r="W13" s="32">
        <v>149538</v>
      </c>
      <c r="X13" s="16">
        <v>89</v>
      </c>
      <c r="Y13" s="16">
        <v>27207</v>
      </c>
      <c r="Z13" s="16">
        <v>2754877</v>
      </c>
      <c r="AA13" s="16">
        <v>1893179</v>
      </c>
      <c r="AB13" s="16">
        <v>861698</v>
      </c>
      <c r="AC13" s="16">
        <v>791111</v>
      </c>
      <c r="AD13" s="16">
        <v>61549</v>
      </c>
      <c r="AE13" s="16">
        <v>0</v>
      </c>
      <c r="AF13" s="16">
        <v>61549</v>
      </c>
      <c r="AG13" s="16">
        <v>0</v>
      </c>
      <c r="AH13" s="16">
        <v>128287</v>
      </c>
      <c r="AI13" s="16">
        <v>265055</v>
      </c>
      <c r="AJ13" s="16">
        <v>336220</v>
      </c>
      <c r="AK13" s="16">
        <v>810451</v>
      </c>
      <c r="AL13" s="16">
        <v>51727</v>
      </c>
      <c r="AM13" s="16">
        <v>758724</v>
      </c>
      <c r="AN13" s="16">
        <v>12143386</v>
      </c>
      <c r="AO13" s="16">
        <v>4080257</v>
      </c>
      <c r="AP13" s="16">
        <v>1354238</v>
      </c>
      <c r="AQ13" s="16">
        <v>1657822</v>
      </c>
      <c r="AR13" s="16">
        <v>1910698</v>
      </c>
      <c r="AS13" s="16">
        <v>0</v>
      </c>
      <c r="AT13" s="16">
        <v>610922</v>
      </c>
      <c r="AU13" s="16">
        <v>3305</v>
      </c>
      <c r="AV13" s="16">
        <v>0</v>
      </c>
      <c r="AW13" s="16">
        <v>43821</v>
      </c>
      <c r="AX13" s="16">
        <v>0</v>
      </c>
      <c r="AY13" s="16">
        <v>0</v>
      </c>
      <c r="AZ13" s="16">
        <v>43821</v>
      </c>
      <c r="BA13" s="16">
        <v>124268</v>
      </c>
      <c r="BB13" s="16">
        <v>747498</v>
      </c>
      <c r="BC13" s="16">
        <v>0</v>
      </c>
      <c r="BD13" s="16">
        <v>0</v>
      </c>
      <c r="BE13" s="16">
        <v>51114</v>
      </c>
      <c r="BF13" s="16">
        <v>0</v>
      </c>
      <c r="BG13" s="16">
        <v>1559443</v>
      </c>
      <c r="BH13" s="16">
        <v>0</v>
      </c>
      <c r="BI13" s="16">
        <v>4430424</v>
      </c>
      <c r="BJ13" s="16">
        <v>2519900</v>
      </c>
      <c r="BK13" s="16">
        <v>664379</v>
      </c>
      <c r="BL13" s="16">
        <v>826507</v>
      </c>
      <c r="BM13" s="16">
        <v>418827</v>
      </c>
      <c r="BN13" s="16">
        <v>0</v>
      </c>
      <c r="BO13" s="16">
        <v>0</v>
      </c>
      <c r="BP13" s="16">
        <v>70895</v>
      </c>
      <c r="BQ13" s="16">
        <v>0</v>
      </c>
      <c r="BR13" s="16">
        <v>0</v>
      </c>
      <c r="BS13" s="16">
        <v>70895</v>
      </c>
      <c r="BT13" s="16">
        <v>4400</v>
      </c>
      <c r="BU13" s="16">
        <v>0</v>
      </c>
      <c r="BV13" s="16">
        <v>534892</v>
      </c>
      <c r="BW13" s="16">
        <v>1910524</v>
      </c>
      <c r="BX13" s="16">
        <v>60523</v>
      </c>
      <c r="BY13" s="16">
        <v>0</v>
      </c>
      <c r="BZ13" s="16">
        <v>1850001</v>
      </c>
      <c r="CA13" s="16">
        <v>495841</v>
      </c>
      <c r="CB13" s="16">
        <v>304115</v>
      </c>
      <c r="CC13" s="16">
        <v>191726</v>
      </c>
      <c r="CD13" s="16">
        <v>190414</v>
      </c>
      <c r="CE13" s="16">
        <v>0</v>
      </c>
      <c r="CF13" s="16">
        <v>1312</v>
      </c>
      <c r="CG13" s="16">
        <v>775683</v>
      </c>
      <c r="CH13" s="16">
        <v>1530821</v>
      </c>
      <c r="CI13" s="16">
        <v>3724386</v>
      </c>
      <c r="CJ13" s="16">
        <v>3588676</v>
      </c>
      <c r="CK13" s="16">
        <v>135710</v>
      </c>
      <c r="CL13" s="16">
        <v>1444136</v>
      </c>
      <c r="CM13" s="16">
        <v>106717</v>
      </c>
      <c r="CN13" s="16">
        <v>0</v>
      </c>
      <c r="CO13" s="16">
        <v>0</v>
      </c>
      <c r="CP13" s="16">
        <v>710629</v>
      </c>
      <c r="CQ13" s="16">
        <v>1707</v>
      </c>
      <c r="CR13" s="16">
        <v>1707</v>
      </c>
      <c r="CS13" s="16">
        <v>0</v>
      </c>
      <c r="CT13" s="16">
        <v>80000</v>
      </c>
      <c r="CU13" s="16">
        <v>545083</v>
      </c>
      <c r="CV13" s="16">
        <v>0</v>
      </c>
      <c r="CW13" s="16">
        <v>0</v>
      </c>
      <c r="CX13" s="16">
        <v>545083</v>
      </c>
      <c r="CY13" s="16">
        <v>4054668</v>
      </c>
      <c r="CZ13" s="16">
        <v>71784800</v>
      </c>
    </row>
    <row r="14" spans="1:104" s="14" customFormat="1" ht="17.25" customHeight="1">
      <c r="A14" s="6" t="s">
        <v>111</v>
      </c>
      <c r="B14" s="16">
        <v>36189559</v>
      </c>
      <c r="C14" s="16">
        <v>372912</v>
      </c>
      <c r="D14" s="16">
        <v>108056</v>
      </c>
      <c r="E14" s="16">
        <v>0</v>
      </c>
      <c r="F14" s="16">
        <v>0</v>
      </c>
      <c r="G14" s="16">
        <v>0</v>
      </c>
      <c r="H14" s="16">
        <v>264856</v>
      </c>
      <c r="I14" s="16">
        <v>0</v>
      </c>
      <c r="J14" s="16">
        <v>49254</v>
      </c>
      <c r="K14" s="16">
        <v>231614</v>
      </c>
      <c r="L14" s="16">
        <v>249414</v>
      </c>
      <c r="M14" s="16">
        <v>0</v>
      </c>
      <c r="N14" s="16">
        <v>0</v>
      </c>
      <c r="O14" s="16">
        <v>3554690</v>
      </c>
      <c r="P14" s="16">
        <v>47503</v>
      </c>
      <c r="Q14" s="16">
        <v>0</v>
      </c>
      <c r="R14" s="16">
        <v>201364</v>
      </c>
      <c r="S14" s="16">
        <v>0</v>
      </c>
      <c r="T14" s="16">
        <v>245360</v>
      </c>
      <c r="U14" s="16">
        <v>1548938</v>
      </c>
      <c r="V14" s="16">
        <v>1524985</v>
      </c>
      <c r="W14" s="32">
        <v>23899</v>
      </c>
      <c r="X14" s="16">
        <v>54</v>
      </c>
      <c r="Y14" s="16">
        <v>22892</v>
      </c>
      <c r="Z14" s="16">
        <v>1196673</v>
      </c>
      <c r="AA14" s="16">
        <v>274338</v>
      </c>
      <c r="AB14" s="16">
        <v>922335</v>
      </c>
      <c r="AC14" s="16">
        <v>545658</v>
      </c>
      <c r="AD14" s="16">
        <v>0</v>
      </c>
      <c r="AE14" s="16">
        <v>0</v>
      </c>
      <c r="AF14" s="16">
        <v>0</v>
      </c>
      <c r="AG14" s="16">
        <v>0</v>
      </c>
      <c r="AH14" s="16">
        <v>215587</v>
      </c>
      <c r="AI14" s="16">
        <v>107160</v>
      </c>
      <c r="AJ14" s="16">
        <v>222911</v>
      </c>
      <c r="AK14" s="16">
        <v>492683</v>
      </c>
      <c r="AL14" s="16">
        <v>26362</v>
      </c>
      <c r="AM14" s="16">
        <v>466321</v>
      </c>
      <c r="AN14" s="16">
        <v>13057017</v>
      </c>
      <c r="AO14" s="16">
        <v>3330577</v>
      </c>
      <c r="AP14" s="16">
        <v>1654054</v>
      </c>
      <c r="AQ14" s="16">
        <v>1453125</v>
      </c>
      <c r="AR14" s="16">
        <v>2688766</v>
      </c>
      <c r="AS14" s="16">
        <v>0</v>
      </c>
      <c r="AT14" s="16">
        <v>106557</v>
      </c>
      <c r="AU14" s="16">
        <v>0</v>
      </c>
      <c r="AV14" s="16">
        <v>0</v>
      </c>
      <c r="AW14" s="16">
        <v>69529</v>
      </c>
      <c r="AX14" s="16">
        <v>0</v>
      </c>
      <c r="AY14" s="16">
        <v>0</v>
      </c>
      <c r="AZ14" s="16">
        <v>69529</v>
      </c>
      <c r="BA14" s="16">
        <v>0</v>
      </c>
      <c r="BB14" s="16">
        <v>1098952</v>
      </c>
      <c r="BC14" s="16">
        <v>0</v>
      </c>
      <c r="BD14" s="16">
        <v>0</v>
      </c>
      <c r="BE14" s="16">
        <v>0</v>
      </c>
      <c r="BF14" s="16">
        <v>0</v>
      </c>
      <c r="BG14" s="16">
        <v>2655457</v>
      </c>
      <c r="BH14" s="16">
        <v>0</v>
      </c>
      <c r="BI14" s="16">
        <v>4557149</v>
      </c>
      <c r="BJ14" s="16">
        <v>3216222</v>
      </c>
      <c r="BK14" s="16">
        <v>823696</v>
      </c>
      <c r="BL14" s="16">
        <v>727899</v>
      </c>
      <c r="BM14" s="16">
        <v>586347</v>
      </c>
      <c r="BN14" s="16">
        <v>5217</v>
      </c>
      <c r="BO14" s="16">
        <v>0</v>
      </c>
      <c r="BP14" s="16">
        <v>72779</v>
      </c>
      <c r="BQ14" s="16">
        <v>0</v>
      </c>
      <c r="BR14" s="16">
        <v>0</v>
      </c>
      <c r="BS14" s="16">
        <v>72779</v>
      </c>
      <c r="BT14" s="16">
        <v>0</v>
      </c>
      <c r="BU14" s="16">
        <v>0</v>
      </c>
      <c r="BV14" s="16">
        <v>1000284</v>
      </c>
      <c r="BW14" s="16">
        <v>1340927</v>
      </c>
      <c r="BX14" s="16">
        <v>110</v>
      </c>
      <c r="BY14" s="16">
        <v>0</v>
      </c>
      <c r="BZ14" s="16">
        <v>1340817</v>
      </c>
      <c r="CA14" s="16">
        <v>711890</v>
      </c>
      <c r="CB14" s="16">
        <v>28216</v>
      </c>
      <c r="CC14" s="16">
        <v>683674</v>
      </c>
      <c r="CD14" s="16">
        <v>680920</v>
      </c>
      <c r="CE14" s="16">
        <v>0</v>
      </c>
      <c r="CF14" s="16">
        <v>2754</v>
      </c>
      <c r="CG14" s="16">
        <v>80513</v>
      </c>
      <c r="CH14" s="16">
        <v>138775</v>
      </c>
      <c r="CI14" s="16">
        <v>2784620</v>
      </c>
      <c r="CJ14" s="16">
        <v>2657847</v>
      </c>
      <c r="CK14" s="16">
        <v>126773</v>
      </c>
      <c r="CL14" s="16">
        <v>3024220</v>
      </c>
      <c r="CM14" s="16">
        <v>76549</v>
      </c>
      <c r="CN14" s="16">
        <v>18</v>
      </c>
      <c r="CO14" s="16">
        <v>0</v>
      </c>
      <c r="CP14" s="16">
        <v>1808947</v>
      </c>
      <c r="CQ14" s="16">
        <v>251292</v>
      </c>
      <c r="CR14" s="16">
        <v>251292</v>
      </c>
      <c r="CS14" s="16">
        <v>0</v>
      </c>
      <c r="CT14" s="16">
        <v>0</v>
      </c>
      <c r="CU14" s="16">
        <v>887414</v>
      </c>
      <c r="CV14" s="16">
        <v>0</v>
      </c>
      <c r="CW14" s="16">
        <v>0</v>
      </c>
      <c r="CX14" s="16">
        <v>887414</v>
      </c>
      <c r="CY14" s="16">
        <v>7258270</v>
      </c>
      <c r="CZ14" s="16">
        <v>76560968</v>
      </c>
    </row>
    <row r="15" spans="1:104" s="14" customFormat="1" ht="17.25" customHeight="1">
      <c r="A15" s="6" t="s">
        <v>112</v>
      </c>
      <c r="B15" s="16">
        <v>9473244</v>
      </c>
      <c r="C15" s="16">
        <v>95457</v>
      </c>
      <c r="D15" s="16">
        <v>27658</v>
      </c>
      <c r="E15" s="16">
        <v>0</v>
      </c>
      <c r="F15" s="16">
        <v>0</v>
      </c>
      <c r="G15" s="16">
        <v>0</v>
      </c>
      <c r="H15" s="16">
        <v>67799</v>
      </c>
      <c r="I15" s="16">
        <v>0</v>
      </c>
      <c r="J15" s="16">
        <v>15053</v>
      </c>
      <c r="K15" s="16">
        <v>70768</v>
      </c>
      <c r="L15" s="16">
        <v>76170</v>
      </c>
      <c r="M15" s="16">
        <v>0</v>
      </c>
      <c r="N15" s="16">
        <v>0</v>
      </c>
      <c r="O15" s="16">
        <v>853522</v>
      </c>
      <c r="P15" s="16">
        <v>0</v>
      </c>
      <c r="Q15" s="16">
        <v>0</v>
      </c>
      <c r="R15" s="16">
        <v>51571</v>
      </c>
      <c r="S15" s="16">
        <v>0</v>
      </c>
      <c r="T15" s="16">
        <v>35897</v>
      </c>
      <c r="U15" s="16">
        <v>1202592</v>
      </c>
      <c r="V15" s="16">
        <v>1135147</v>
      </c>
      <c r="W15" s="32">
        <v>67445</v>
      </c>
      <c r="X15" s="16">
        <v>0</v>
      </c>
      <c r="Y15" s="16">
        <v>7490</v>
      </c>
      <c r="Z15" s="16">
        <v>305467</v>
      </c>
      <c r="AA15" s="16">
        <v>114855</v>
      </c>
      <c r="AB15" s="16">
        <v>190612</v>
      </c>
      <c r="AC15" s="16">
        <v>247265</v>
      </c>
      <c r="AD15" s="16">
        <v>0</v>
      </c>
      <c r="AE15" s="16">
        <v>0</v>
      </c>
      <c r="AF15" s="16">
        <v>0</v>
      </c>
      <c r="AG15" s="16">
        <v>0</v>
      </c>
      <c r="AH15" s="16">
        <v>54907</v>
      </c>
      <c r="AI15" s="16">
        <v>33745</v>
      </c>
      <c r="AJ15" s="16">
        <v>158613</v>
      </c>
      <c r="AK15" s="16">
        <v>259698</v>
      </c>
      <c r="AL15" s="16">
        <v>9201</v>
      </c>
      <c r="AM15" s="16">
        <v>250497</v>
      </c>
      <c r="AN15" s="16">
        <v>2446132</v>
      </c>
      <c r="AO15" s="16">
        <v>557208</v>
      </c>
      <c r="AP15" s="16">
        <v>298877</v>
      </c>
      <c r="AQ15" s="16">
        <v>388246</v>
      </c>
      <c r="AR15" s="16">
        <v>550928</v>
      </c>
      <c r="AS15" s="16">
        <v>0</v>
      </c>
      <c r="AT15" s="16">
        <v>15876</v>
      </c>
      <c r="AU15" s="16">
        <v>1614</v>
      </c>
      <c r="AV15" s="16">
        <v>0</v>
      </c>
      <c r="AW15" s="16">
        <v>14197</v>
      </c>
      <c r="AX15" s="16">
        <v>0</v>
      </c>
      <c r="AY15" s="16">
        <v>0</v>
      </c>
      <c r="AZ15" s="16">
        <v>14197</v>
      </c>
      <c r="BA15" s="16">
        <v>0</v>
      </c>
      <c r="BB15" s="16">
        <v>226512</v>
      </c>
      <c r="BC15" s="16">
        <v>42991</v>
      </c>
      <c r="BD15" s="16">
        <v>0</v>
      </c>
      <c r="BE15" s="16">
        <v>3156</v>
      </c>
      <c r="BF15" s="16">
        <v>0</v>
      </c>
      <c r="BG15" s="16">
        <v>346527</v>
      </c>
      <c r="BH15" s="16">
        <v>294758</v>
      </c>
      <c r="BI15" s="16">
        <v>1064465</v>
      </c>
      <c r="BJ15" s="16">
        <v>682060</v>
      </c>
      <c r="BK15" s="16">
        <v>149103</v>
      </c>
      <c r="BL15" s="16">
        <v>186586</v>
      </c>
      <c r="BM15" s="16">
        <v>121221</v>
      </c>
      <c r="BN15" s="16">
        <v>42523</v>
      </c>
      <c r="BO15" s="16">
        <v>0</v>
      </c>
      <c r="BP15" s="16">
        <v>20164</v>
      </c>
      <c r="BQ15" s="16">
        <v>0</v>
      </c>
      <c r="BR15" s="16">
        <v>0</v>
      </c>
      <c r="BS15" s="16">
        <v>20164</v>
      </c>
      <c r="BT15" s="16">
        <v>0</v>
      </c>
      <c r="BU15" s="16">
        <v>0</v>
      </c>
      <c r="BV15" s="16">
        <v>162463</v>
      </c>
      <c r="BW15" s="16">
        <v>382405</v>
      </c>
      <c r="BX15" s="16">
        <v>0</v>
      </c>
      <c r="BY15" s="16">
        <v>0</v>
      </c>
      <c r="BZ15" s="16">
        <v>382405</v>
      </c>
      <c r="CA15" s="16">
        <v>401503</v>
      </c>
      <c r="CB15" s="16">
        <v>21005</v>
      </c>
      <c r="CC15" s="16">
        <v>380498</v>
      </c>
      <c r="CD15" s="16">
        <v>380419</v>
      </c>
      <c r="CE15" s="16">
        <v>0</v>
      </c>
      <c r="CF15" s="16">
        <v>79</v>
      </c>
      <c r="CG15" s="16">
        <v>71248</v>
      </c>
      <c r="CH15" s="16">
        <v>730043</v>
      </c>
      <c r="CI15" s="16">
        <v>469499</v>
      </c>
      <c r="CJ15" s="16">
        <v>456365</v>
      </c>
      <c r="CK15" s="16">
        <v>13134</v>
      </c>
      <c r="CL15" s="16">
        <v>149503</v>
      </c>
      <c r="CM15" s="16">
        <v>19243</v>
      </c>
      <c r="CN15" s="16">
        <v>4</v>
      </c>
      <c r="CO15" s="16">
        <v>0</v>
      </c>
      <c r="CP15" s="16">
        <v>37500</v>
      </c>
      <c r="CQ15" s="16">
        <v>0</v>
      </c>
      <c r="CR15" s="16">
        <v>0</v>
      </c>
      <c r="CS15" s="16">
        <v>0</v>
      </c>
      <c r="CT15" s="16">
        <v>0</v>
      </c>
      <c r="CU15" s="16">
        <v>92756</v>
      </c>
      <c r="CV15" s="16">
        <v>0</v>
      </c>
      <c r="CW15" s="16">
        <v>0</v>
      </c>
      <c r="CX15" s="16">
        <v>92756</v>
      </c>
      <c r="CY15" s="16">
        <v>1952200</v>
      </c>
      <c r="CZ15" s="16">
        <v>20273545</v>
      </c>
    </row>
    <row r="16" spans="1:104" s="14" customFormat="1" ht="17.25" customHeight="1">
      <c r="A16" s="6" t="s">
        <v>113</v>
      </c>
      <c r="B16" s="16">
        <v>5783411</v>
      </c>
      <c r="C16" s="16">
        <v>116067</v>
      </c>
      <c r="D16" s="16">
        <v>33631</v>
      </c>
      <c r="E16" s="16">
        <v>0</v>
      </c>
      <c r="F16" s="16">
        <v>0</v>
      </c>
      <c r="G16" s="16">
        <v>0</v>
      </c>
      <c r="H16" s="16">
        <v>82436</v>
      </c>
      <c r="I16" s="16">
        <v>0</v>
      </c>
      <c r="J16" s="16">
        <v>7089</v>
      </c>
      <c r="K16" s="16">
        <v>33209</v>
      </c>
      <c r="L16" s="16">
        <v>35538</v>
      </c>
      <c r="M16" s="16">
        <v>0</v>
      </c>
      <c r="N16" s="16">
        <v>0</v>
      </c>
      <c r="O16" s="16">
        <v>706041</v>
      </c>
      <c r="P16" s="16">
        <v>0</v>
      </c>
      <c r="Q16" s="16">
        <v>0</v>
      </c>
      <c r="R16" s="16">
        <v>62688</v>
      </c>
      <c r="S16" s="16">
        <v>0</v>
      </c>
      <c r="T16" s="16">
        <v>20927</v>
      </c>
      <c r="U16" s="16">
        <v>3857390</v>
      </c>
      <c r="V16" s="16">
        <v>2924384</v>
      </c>
      <c r="W16" s="32">
        <v>932987</v>
      </c>
      <c r="X16" s="16">
        <v>19</v>
      </c>
      <c r="Y16" s="16">
        <v>5815</v>
      </c>
      <c r="Z16" s="16">
        <v>115198</v>
      </c>
      <c r="AA16" s="16">
        <v>7061</v>
      </c>
      <c r="AB16" s="16">
        <v>108137</v>
      </c>
      <c r="AC16" s="16">
        <v>40770</v>
      </c>
      <c r="AD16" s="16">
        <v>0</v>
      </c>
      <c r="AE16" s="16">
        <v>0</v>
      </c>
      <c r="AF16" s="16">
        <v>0</v>
      </c>
      <c r="AG16" s="16">
        <v>0</v>
      </c>
      <c r="AH16" s="16">
        <v>0</v>
      </c>
      <c r="AI16" s="16">
        <v>2502</v>
      </c>
      <c r="AJ16" s="16">
        <v>38268</v>
      </c>
      <c r="AK16" s="16">
        <v>105077</v>
      </c>
      <c r="AL16" s="16">
        <v>7168</v>
      </c>
      <c r="AM16" s="16">
        <v>97909</v>
      </c>
      <c r="AN16" s="16">
        <v>2345863</v>
      </c>
      <c r="AO16" s="16">
        <v>933260</v>
      </c>
      <c r="AP16" s="16">
        <v>162377</v>
      </c>
      <c r="AQ16" s="16">
        <v>311225</v>
      </c>
      <c r="AR16" s="16">
        <v>348436</v>
      </c>
      <c r="AS16" s="16">
        <v>0</v>
      </c>
      <c r="AT16" s="16">
        <v>188403</v>
      </c>
      <c r="AU16" s="16">
        <v>7448</v>
      </c>
      <c r="AV16" s="16">
        <v>0</v>
      </c>
      <c r="AW16" s="16">
        <v>14330</v>
      </c>
      <c r="AX16" s="16">
        <v>0</v>
      </c>
      <c r="AY16" s="16">
        <v>0</v>
      </c>
      <c r="AZ16" s="16">
        <v>14330</v>
      </c>
      <c r="BA16" s="16">
        <v>0</v>
      </c>
      <c r="BB16" s="16">
        <v>6349</v>
      </c>
      <c r="BC16" s="16">
        <v>0</v>
      </c>
      <c r="BD16" s="16">
        <v>0</v>
      </c>
      <c r="BE16" s="16">
        <v>51555</v>
      </c>
      <c r="BF16" s="16">
        <v>0</v>
      </c>
      <c r="BG16" s="16">
        <v>322480</v>
      </c>
      <c r="BH16" s="16">
        <v>0</v>
      </c>
      <c r="BI16" s="16">
        <v>922521</v>
      </c>
      <c r="BJ16" s="16">
        <v>444171</v>
      </c>
      <c r="BK16" s="16">
        <v>80716</v>
      </c>
      <c r="BL16" s="16">
        <v>147446</v>
      </c>
      <c r="BM16" s="16">
        <v>79560</v>
      </c>
      <c r="BN16" s="16">
        <v>6112</v>
      </c>
      <c r="BO16" s="16">
        <v>0</v>
      </c>
      <c r="BP16" s="16">
        <v>24811</v>
      </c>
      <c r="BQ16" s="16">
        <v>0</v>
      </c>
      <c r="BR16" s="16">
        <v>0</v>
      </c>
      <c r="BS16" s="16">
        <v>24811</v>
      </c>
      <c r="BT16" s="16">
        <v>0</v>
      </c>
      <c r="BU16" s="16">
        <v>0</v>
      </c>
      <c r="BV16" s="16">
        <v>105526</v>
      </c>
      <c r="BW16" s="16">
        <v>478350</v>
      </c>
      <c r="BX16" s="16">
        <v>19483</v>
      </c>
      <c r="BY16" s="16">
        <v>0</v>
      </c>
      <c r="BZ16" s="16">
        <v>458867</v>
      </c>
      <c r="CA16" s="16">
        <v>41216</v>
      </c>
      <c r="CB16" s="16">
        <v>35796</v>
      </c>
      <c r="CC16" s="16">
        <v>5420</v>
      </c>
      <c r="CD16" s="16">
        <v>3101</v>
      </c>
      <c r="CE16" s="16">
        <v>0</v>
      </c>
      <c r="CF16" s="16">
        <v>2319</v>
      </c>
      <c r="CG16" s="16">
        <v>184681</v>
      </c>
      <c r="CH16" s="16">
        <v>118822</v>
      </c>
      <c r="CI16" s="16">
        <v>103297</v>
      </c>
      <c r="CJ16" s="16">
        <v>86669</v>
      </c>
      <c r="CK16" s="16">
        <v>16628</v>
      </c>
      <c r="CL16" s="16">
        <v>908820</v>
      </c>
      <c r="CM16" s="16">
        <v>27974</v>
      </c>
      <c r="CN16" s="16">
        <v>12</v>
      </c>
      <c r="CO16" s="16">
        <v>0</v>
      </c>
      <c r="CP16" s="16">
        <v>13090</v>
      </c>
      <c r="CQ16" s="16">
        <v>607505</v>
      </c>
      <c r="CR16" s="16">
        <v>607505</v>
      </c>
      <c r="CS16" s="16">
        <v>0</v>
      </c>
      <c r="CT16" s="16">
        <v>0</v>
      </c>
      <c r="CU16" s="16">
        <v>260239</v>
      </c>
      <c r="CV16" s="16">
        <v>0</v>
      </c>
      <c r="CW16" s="16">
        <v>0</v>
      </c>
      <c r="CX16" s="16">
        <v>260239</v>
      </c>
      <c r="CY16" s="16">
        <v>1313545</v>
      </c>
      <c r="CZ16" s="16">
        <v>16827985</v>
      </c>
    </row>
    <row r="17" spans="1:104" s="14" customFormat="1" ht="17.25" customHeight="1">
      <c r="A17" s="6" t="s">
        <v>114</v>
      </c>
      <c r="B17" s="16">
        <v>23323435</v>
      </c>
      <c r="C17" s="16">
        <v>304031</v>
      </c>
      <c r="D17" s="16">
        <v>88096</v>
      </c>
      <c r="E17" s="16">
        <v>0</v>
      </c>
      <c r="F17" s="16">
        <v>0</v>
      </c>
      <c r="G17" s="16">
        <v>0</v>
      </c>
      <c r="H17" s="16">
        <v>215935</v>
      </c>
      <c r="I17" s="16">
        <v>0</v>
      </c>
      <c r="J17" s="16">
        <v>28508</v>
      </c>
      <c r="K17" s="16">
        <v>133771</v>
      </c>
      <c r="L17" s="16">
        <v>143557</v>
      </c>
      <c r="M17" s="16">
        <v>0</v>
      </c>
      <c r="N17" s="16">
        <v>0</v>
      </c>
      <c r="O17" s="16">
        <v>2628749</v>
      </c>
      <c r="P17" s="16">
        <v>83233</v>
      </c>
      <c r="Q17" s="16">
        <v>0</v>
      </c>
      <c r="R17" s="16">
        <v>164273</v>
      </c>
      <c r="S17" s="16">
        <v>0</v>
      </c>
      <c r="T17" s="16">
        <v>117649</v>
      </c>
      <c r="U17" s="16">
        <v>2272628</v>
      </c>
      <c r="V17" s="16">
        <v>2141632</v>
      </c>
      <c r="W17" s="32">
        <v>130908</v>
      </c>
      <c r="X17" s="16">
        <v>88</v>
      </c>
      <c r="Y17" s="16">
        <v>19355</v>
      </c>
      <c r="Z17" s="16">
        <v>454963</v>
      </c>
      <c r="AA17" s="16">
        <v>21664</v>
      </c>
      <c r="AB17" s="16">
        <v>433299</v>
      </c>
      <c r="AC17" s="16">
        <v>673986</v>
      </c>
      <c r="AD17" s="16">
        <v>63924</v>
      </c>
      <c r="AE17" s="16">
        <v>0</v>
      </c>
      <c r="AF17" s="16">
        <v>63924</v>
      </c>
      <c r="AG17" s="16">
        <v>0</v>
      </c>
      <c r="AH17" s="16">
        <v>134117</v>
      </c>
      <c r="AI17" s="16">
        <v>37582</v>
      </c>
      <c r="AJ17" s="16">
        <v>438363</v>
      </c>
      <c r="AK17" s="16">
        <v>152983</v>
      </c>
      <c r="AL17" s="16">
        <v>18319</v>
      </c>
      <c r="AM17" s="16">
        <v>134664</v>
      </c>
      <c r="AN17" s="16">
        <v>8991866</v>
      </c>
      <c r="AO17" s="16">
        <v>2774776</v>
      </c>
      <c r="AP17" s="16">
        <v>941306</v>
      </c>
      <c r="AQ17" s="16">
        <v>1403604</v>
      </c>
      <c r="AR17" s="16">
        <v>1691094</v>
      </c>
      <c r="AS17" s="16">
        <v>0</v>
      </c>
      <c r="AT17" s="16">
        <v>347729</v>
      </c>
      <c r="AU17" s="16">
        <v>0</v>
      </c>
      <c r="AV17" s="16">
        <v>0</v>
      </c>
      <c r="AW17" s="16">
        <v>31936</v>
      </c>
      <c r="AX17" s="16">
        <v>0</v>
      </c>
      <c r="AY17" s="16">
        <v>0</v>
      </c>
      <c r="AZ17" s="16">
        <v>31936</v>
      </c>
      <c r="BA17" s="16">
        <v>0</v>
      </c>
      <c r="BB17" s="16">
        <v>808467</v>
      </c>
      <c r="BC17" s="16">
        <v>0</v>
      </c>
      <c r="BD17" s="16">
        <v>0</v>
      </c>
      <c r="BE17" s="16">
        <v>24948</v>
      </c>
      <c r="BF17" s="16">
        <v>0</v>
      </c>
      <c r="BG17" s="16">
        <v>968006</v>
      </c>
      <c r="BH17" s="16">
        <v>0</v>
      </c>
      <c r="BI17" s="16">
        <v>3567071</v>
      </c>
      <c r="BJ17" s="16">
        <v>2121581</v>
      </c>
      <c r="BK17" s="16">
        <v>469772</v>
      </c>
      <c r="BL17" s="16">
        <v>707685</v>
      </c>
      <c r="BM17" s="16">
        <v>373816</v>
      </c>
      <c r="BN17" s="16">
        <v>102031</v>
      </c>
      <c r="BO17" s="16">
        <v>0</v>
      </c>
      <c r="BP17" s="16">
        <v>46084</v>
      </c>
      <c r="BQ17" s="16">
        <v>0</v>
      </c>
      <c r="BR17" s="16">
        <v>0</v>
      </c>
      <c r="BS17" s="16">
        <v>46084</v>
      </c>
      <c r="BT17" s="16">
        <v>0</v>
      </c>
      <c r="BU17" s="16">
        <v>0</v>
      </c>
      <c r="BV17" s="16">
        <v>422193</v>
      </c>
      <c r="BW17" s="16">
        <v>1445490</v>
      </c>
      <c r="BX17" s="16">
        <v>38616</v>
      </c>
      <c r="BY17" s="16">
        <v>0</v>
      </c>
      <c r="BZ17" s="16">
        <v>1406874</v>
      </c>
      <c r="CA17" s="16">
        <v>116514</v>
      </c>
      <c r="CB17" s="16">
        <v>46032</v>
      </c>
      <c r="CC17" s="16">
        <v>70482</v>
      </c>
      <c r="CD17" s="16">
        <v>66274</v>
      </c>
      <c r="CE17" s="16">
        <v>0</v>
      </c>
      <c r="CF17" s="16">
        <v>4208</v>
      </c>
      <c r="CG17" s="16">
        <v>262292</v>
      </c>
      <c r="CH17" s="16">
        <v>2576427</v>
      </c>
      <c r="CI17" s="16">
        <v>1233671</v>
      </c>
      <c r="CJ17" s="16">
        <v>901792</v>
      </c>
      <c r="CK17" s="16">
        <v>331879</v>
      </c>
      <c r="CL17" s="16">
        <v>939473</v>
      </c>
      <c r="CM17" s="16">
        <v>40096</v>
      </c>
      <c r="CN17" s="16">
        <v>18</v>
      </c>
      <c r="CO17" s="16">
        <v>0</v>
      </c>
      <c r="CP17" s="16">
        <v>290260</v>
      </c>
      <c r="CQ17" s="16">
        <v>75</v>
      </c>
      <c r="CR17" s="16">
        <v>0</v>
      </c>
      <c r="CS17" s="16">
        <v>75</v>
      </c>
      <c r="CT17" s="16">
        <v>0</v>
      </c>
      <c r="CU17" s="16">
        <v>609024</v>
      </c>
      <c r="CV17" s="16">
        <v>0</v>
      </c>
      <c r="CW17" s="16">
        <v>0</v>
      </c>
      <c r="CX17" s="16">
        <v>609024</v>
      </c>
      <c r="CY17" s="16">
        <v>4020300</v>
      </c>
      <c r="CZ17" s="16">
        <v>52208735</v>
      </c>
    </row>
    <row r="18" spans="1:104" s="14" customFormat="1" ht="17.25" customHeight="1">
      <c r="A18" s="6" t="s">
        <v>115</v>
      </c>
      <c r="B18" s="16">
        <v>49526491</v>
      </c>
      <c r="C18" s="16">
        <v>505609</v>
      </c>
      <c r="D18" s="16">
        <v>146464</v>
      </c>
      <c r="E18" s="16">
        <v>0</v>
      </c>
      <c r="F18" s="16">
        <v>0</v>
      </c>
      <c r="G18" s="16">
        <v>0</v>
      </c>
      <c r="H18" s="16">
        <v>359145</v>
      </c>
      <c r="I18" s="16">
        <v>0</v>
      </c>
      <c r="J18" s="16">
        <v>44627</v>
      </c>
      <c r="K18" s="16">
        <v>209810</v>
      </c>
      <c r="L18" s="16">
        <v>225850</v>
      </c>
      <c r="M18" s="16">
        <v>0</v>
      </c>
      <c r="N18" s="16">
        <v>0</v>
      </c>
      <c r="O18" s="16">
        <v>4433271</v>
      </c>
      <c r="P18" s="16">
        <v>140172</v>
      </c>
      <c r="Q18" s="16">
        <v>0</v>
      </c>
      <c r="R18" s="16">
        <v>273903</v>
      </c>
      <c r="S18" s="16">
        <v>0</v>
      </c>
      <c r="T18" s="16">
        <v>150918</v>
      </c>
      <c r="U18" s="16">
        <v>32907</v>
      </c>
      <c r="V18" s="16">
        <v>0</v>
      </c>
      <c r="W18" s="32">
        <v>32736</v>
      </c>
      <c r="X18" s="16">
        <v>171</v>
      </c>
      <c r="Y18" s="16">
        <v>38118</v>
      </c>
      <c r="Z18" s="16">
        <v>1054368</v>
      </c>
      <c r="AA18" s="16">
        <v>472554</v>
      </c>
      <c r="AB18" s="16">
        <v>581814</v>
      </c>
      <c r="AC18" s="16">
        <v>696788</v>
      </c>
      <c r="AD18" s="16">
        <v>0</v>
      </c>
      <c r="AE18" s="16">
        <v>0</v>
      </c>
      <c r="AF18" s="16">
        <v>0</v>
      </c>
      <c r="AG18" s="16">
        <v>0</v>
      </c>
      <c r="AH18" s="16">
        <v>135423</v>
      </c>
      <c r="AI18" s="16">
        <v>142895</v>
      </c>
      <c r="AJ18" s="16">
        <v>418470</v>
      </c>
      <c r="AK18" s="16">
        <v>675657</v>
      </c>
      <c r="AL18" s="16">
        <v>21796</v>
      </c>
      <c r="AM18" s="16">
        <v>653861</v>
      </c>
      <c r="AN18" s="16">
        <v>12608561</v>
      </c>
      <c r="AO18" s="16">
        <v>3996554</v>
      </c>
      <c r="AP18" s="16">
        <v>1593714</v>
      </c>
      <c r="AQ18" s="16">
        <v>1591659</v>
      </c>
      <c r="AR18" s="16">
        <v>2501983</v>
      </c>
      <c r="AS18" s="16">
        <v>0</v>
      </c>
      <c r="AT18" s="16">
        <v>184871</v>
      </c>
      <c r="AU18" s="16">
        <v>0</v>
      </c>
      <c r="AV18" s="16">
        <v>0</v>
      </c>
      <c r="AW18" s="16">
        <v>63760</v>
      </c>
      <c r="AX18" s="16">
        <v>0</v>
      </c>
      <c r="AY18" s="16">
        <v>0</v>
      </c>
      <c r="AZ18" s="16">
        <v>63760</v>
      </c>
      <c r="BA18" s="16">
        <v>0</v>
      </c>
      <c r="BB18" s="16">
        <v>957582</v>
      </c>
      <c r="BC18" s="16">
        <v>0</v>
      </c>
      <c r="BD18" s="16">
        <v>0</v>
      </c>
      <c r="BE18" s="16">
        <v>0</v>
      </c>
      <c r="BF18" s="16">
        <v>0</v>
      </c>
      <c r="BG18" s="16">
        <v>1718438</v>
      </c>
      <c r="BH18" s="16">
        <v>0</v>
      </c>
      <c r="BI18" s="16">
        <v>4983114</v>
      </c>
      <c r="BJ18" s="16">
        <v>3114962</v>
      </c>
      <c r="BK18" s="16">
        <v>810570</v>
      </c>
      <c r="BL18" s="16">
        <v>780251</v>
      </c>
      <c r="BM18" s="16">
        <v>550087</v>
      </c>
      <c r="BN18" s="16">
        <v>312617</v>
      </c>
      <c r="BO18" s="16">
        <v>0</v>
      </c>
      <c r="BP18" s="16">
        <v>66202</v>
      </c>
      <c r="BQ18" s="16">
        <v>0</v>
      </c>
      <c r="BR18" s="16">
        <v>0</v>
      </c>
      <c r="BS18" s="16">
        <v>66202</v>
      </c>
      <c r="BT18" s="16">
        <v>0</v>
      </c>
      <c r="BU18" s="16">
        <v>0</v>
      </c>
      <c r="BV18" s="16">
        <v>595235</v>
      </c>
      <c r="BW18" s="16">
        <v>1868152</v>
      </c>
      <c r="BX18" s="16">
        <v>16695</v>
      </c>
      <c r="BY18" s="16">
        <v>0</v>
      </c>
      <c r="BZ18" s="16">
        <v>1851457</v>
      </c>
      <c r="CA18" s="16">
        <v>195773</v>
      </c>
      <c r="CB18" s="16">
        <v>174394</v>
      </c>
      <c r="CC18" s="16">
        <v>21379</v>
      </c>
      <c r="CD18" s="16">
        <v>20675</v>
      </c>
      <c r="CE18" s="16">
        <v>0</v>
      </c>
      <c r="CF18" s="16">
        <v>704</v>
      </c>
      <c r="CG18" s="16">
        <v>259661</v>
      </c>
      <c r="CH18" s="16">
        <v>127545</v>
      </c>
      <c r="CI18" s="16">
        <v>3553344</v>
      </c>
      <c r="CJ18" s="16">
        <v>3426502</v>
      </c>
      <c r="CK18" s="16">
        <v>126842</v>
      </c>
      <c r="CL18" s="16">
        <v>3999464</v>
      </c>
      <c r="CM18" s="16">
        <v>289703</v>
      </c>
      <c r="CN18" s="16">
        <v>237</v>
      </c>
      <c r="CO18" s="16">
        <v>1462</v>
      </c>
      <c r="CP18" s="16">
        <v>2293865</v>
      </c>
      <c r="CQ18" s="16">
        <v>0</v>
      </c>
      <c r="CR18" s="16">
        <v>0</v>
      </c>
      <c r="CS18" s="16">
        <v>0</v>
      </c>
      <c r="CT18" s="16">
        <v>0</v>
      </c>
      <c r="CU18" s="16">
        <v>1414197</v>
      </c>
      <c r="CV18" s="16">
        <v>0</v>
      </c>
      <c r="CW18" s="16">
        <v>0</v>
      </c>
      <c r="CX18" s="16">
        <v>1414197</v>
      </c>
      <c r="CY18" s="16">
        <v>5666500</v>
      </c>
      <c r="CZ18" s="16">
        <v>89402451</v>
      </c>
    </row>
    <row r="19" spans="1:104" s="14" customFormat="1" ht="17.25" customHeight="1">
      <c r="A19" s="6" t="s">
        <v>116</v>
      </c>
      <c r="B19" s="16">
        <v>36040226</v>
      </c>
      <c r="C19" s="16">
        <v>377762</v>
      </c>
      <c r="D19" s="16">
        <v>109461</v>
      </c>
      <c r="E19" s="16">
        <v>0</v>
      </c>
      <c r="F19" s="16">
        <v>0</v>
      </c>
      <c r="G19" s="16">
        <v>0</v>
      </c>
      <c r="H19" s="16">
        <v>268301</v>
      </c>
      <c r="I19" s="16">
        <v>0</v>
      </c>
      <c r="J19" s="16">
        <v>46338</v>
      </c>
      <c r="K19" s="16">
        <v>218101</v>
      </c>
      <c r="L19" s="16">
        <v>235194</v>
      </c>
      <c r="M19" s="16">
        <v>0</v>
      </c>
      <c r="N19" s="16">
        <v>0</v>
      </c>
      <c r="O19" s="16">
        <v>3725377</v>
      </c>
      <c r="P19" s="16">
        <v>11536</v>
      </c>
      <c r="Q19" s="16">
        <v>0</v>
      </c>
      <c r="R19" s="16">
        <v>204162</v>
      </c>
      <c r="S19" s="16">
        <v>0</v>
      </c>
      <c r="T19" s="16">
        <v>204579</v>
      </c>
      <c r="U19" s="16">
        <v>983168</v>
      </c>
      <c r="V19" s="16">
        <v>781799</v>
      </c>
      <c r="W19" s="32">
        <v>201369</v>
      </c>
      <c r="X19" s="16">
        <v>0</v>
      </c>
      <c r="Y19" s="16">
        <v>30822</v>
      </c>
      <c r="Z19" s="16">
        <v>1014904</v>
      </c>
      <c r="AA19" s="16">
        <v>57587</v>
      </c>
      <c r="AB19" s="16">
        <v>957317</v>
      </c>
      <c r="AC19" s="16">
        <v>740953</v>
      </c>
      <c r="AD19" s="16">
        <v>0</v>
      </c>
      <c r="AE19" s="16">
        <v>0</v>
      </c>
      <c r="AF19" s="16">
        <v>0</v>
      </c>
      <c r="AG19" s="16">
        <v>0</v>
      </c>
      <c r="AH19" s="16">
        <v>152959</v>
      </c>
      <c r="AI19" s="16">
        <v>205871</v>
      </c>
      <c r="AJ19" s="16">
        <v>382123</v>
      </c>
      <c r="AK19" s="16">
        <v>916831</v>
      </c>
      <c r="AL19" s="16">
        <v>23291</v>
      </c>
      <c r="AM19" s="16">
        <v>893540</v>
      </c>
      <c r="AN19" s="16">
        <v>15524829</v>
      </c>
      <c r="AO19" s="16">
        <v>4993407</v>
      </c>
      <c r="AP19" s="16">
        <v>1772851</v>
      </c>
      <c r="AQ19" s="16">
        <v>1744128</v>
      </c>
      <c r="AR19" s="16">
        <v>2597323</v>
      </c>
      <c r="AS19" s="16">
        <v>0</v>
      </c>
      <c r="AT19" s="16">
        <v>1070712</v>
      </c>
      <c r="AU19" s="16">
        <v>0</v>
      </c>
      <c r="AV19" s="16">
        <v>0</v>
      </c>
      <c r="AW19" s="16">
        <v>56303</v>
      </c>
      <c r="AX19" s="16">
        <v>0</v>
      </c>
      <c r="AY19" s="16">
        <v>0</v>
      </c>
      <c r="AZ19" s="16">
        <v>56303</v>
      </c>
      <c r="BA19" s="16">
        <v>0</v>
      </c>
      <c r="BB19" s="16">
        <v>1004781</v>
      </c>
      <c r="BC19" s="16">
        <v>604106</v>
      </c>
      <c r="BD19" s="16">
        <v>0</v>
      </c>
      <c r="BE19" s="16">
        <v>3328</v>
      </c>
      <c r="BF19" s="16">
        <v>0</v>
      </c>
      <c r="BG19" s="16">
        <v>1677890</v>
      </c>
      <c r="BH19" s="16">
        <v>353453</v>
      </c>
      <c r="BI19" s="16">
        <v>4632663</v>
      </c>
      <c r="BJ19" s="16">
        <v>2961412</v>
      </c>
      <c r="BK19" s="16">
        <v>886551</v>
      </c>
      <c r="BL19" s="16">
        <v>851897</v>
      </c>
      <c r="BM19" s="16">
        <v>556788</v>
      </c>
      <c r="BN19" s="16">
        <v>26329</v>
      </c>
      <c r="BO19" s="16">
        <v>0</v>
      </c>
      <c r="BP19" s="16">
        <v>68545</v>
      </c>
      <c r="BQ19" s="16">
        <v>0</v>
      </c>
      <c r="BR19" s="16">
        <v>0</v>
      </c>
      <c r="BS19" s="16">
        <v>68545</v>
      </c>
      <c r="BT19" s="16">
        <v>0</v>
      </c>
      <c r="BU19" s="16">
        <v>0</v>
      </c>
      <c r="BV19" s="16">
        <v>571302</v>
      </c>
      <c r="BW19" s="16">
        <v>1671251</v>
      </c>
      <c r="BX19" s="16">
        <v>421</v>
      </c>
      <c r="BY19" s="16">
        <v>0</v>
      </c>
      <c r="BZ19" s="16">
        <v>1670830</v>
      </c>
      <c r="CA19" s="16">
        <v>368784</v>
      </c>
      <c r="CB19" s="16">
        <v>50924</v>
      </c>
      <c r="CC19" s="16">
        <v>317860</v>
      </c>
      <c r="CD19" s="16">
        <v>317743</v>
      </c>
      <c r="CE19" s="16">
        <v>0</v>
      </c>
      <c r="CF19" s="16">
        <v>117</v>
      </c>
      <c r="CG19" s="16">
        <v>13243</v>
      </c>
      <c r="CH19" s="16">
        <v>1578122</v>
      </c>
      <c r="CI19" s="16">
        <v>1629809</v>
      </c>
      <c r="CJ19" s="16">
        <v>1467775</v>
      </c>
      <c r="CK19" s="16">
        <v>162034</v>
      </c>
      <c r="CL19" s="16">
        <v>1763009</v>
      </c>
      <c r="CM19" s="16">
        <v>118755</v>
      </c>
      <c r="CN19" s="16">
        <v>41</v>
      </c>
      <c r="CO19" s="16">
        <v>0</v>
      </c>
      <c r="CP19" s="16">
        <v>1220000</v>
      </c>
      <c r="CQ19" s="16">
        <v>0</v>
      </c>
      <c r="CR19" s="16">
        <v>0</v>
      </c>
      <c r="CS19" s="16">
        <v>0</v>
      </c>
      <c r="CT19" s="16">
        <v>0</v>
      </c>
      <c r="CU19" s="16">
        <v>424213</v>
      </c>
      <c r="CV19" s="16">
        <v>0</v>
      </c>
      <c r="CW19" s="16">
        <v>0</v>
      </c>
      <c r="CX19" s="16">
        <v>424213</v>
      </c>
      <c r="CY19" s="16">
        <v>5229300</v>
      </c>
      <c r="CZ19" s="16">
        <v>75843165</v>
      </c>
    </row>
    <row r="20" spans="1:104" s="14" customFormat="1" ht="17.25" customHeight="1">
      <c r="A20" s="6" t="s">
        <v>117</v>
      </c>
      <c r="B20" s="16">
        <v>17280113</v>
      </c>
      <c r="C20" s="16">
        <v>210185</v>
      </c>
      <c r="D20" s="16">
        <v>60903</v>
      </c>
      <c r="E20" s="16">
        <v>0</v>
      </c>
      <c r="F20" s="16">
        <v>0</v>
      </c>
      <c r="G20" s="16">
        <v>0</v>
      </c>
      <c r="H20" s="16">
        <v>149282</v>
      </c>
      <c r="I20" s="16">
        <v>0</v>
      </c>
      <c r="J20" s="16">
        <v>19555</v>
      </c>
      <c r="K20" s="16">
        <v>91980</v>
      </c>
      <c r="L20" s="16">
        <v>99087</v>
      </c>
      <c r="M20" s="16">
        <v>0</v>
      </c>
      <c r="N20" s="16">
        <v>0</v>
      </c>
      <c r="O20" s="16">
        <v>1716846</v>
      </c>
      <c r="P20" s="16">
        <v>18675</v>
      </c>
      <c r="Q20" s="16">
        <v>0</v>
      </c>
      <c r="R20" s="16">
        <v>113635</v>
      </c>
      <c r="S20" s="16">
        <v>0</v>
      </c>
      <c r="T20" s="16">
        <v>70690</v>
      </c>
      <c r="U20" s="16">
        <v>442580</v>
      </c>
      <c r="V20" s="16">
        <v>355624</v>
      </c>
      <c r="W20" s="32">
        <v>86910</v>
      </c>
      <c r="X20" s="16">
        <v>46</v>
      </c>
      <c r="Y20" s="16">
        <v>13935</v>
      </c>
      <c r="Z20" s="16">
        <v>368977</v>
      </c>
      <c r="AA20" s="16">
        <v>44916</v>
      </c>
      <c r="AB20" s="16">
        <v>324061</v>
      </c>
      <c r="AC20" s="16">
        <v>302335</v>
      </c>
      <c r="AD20" s="16">
        <v>0</v>
      </c>
      <c r="AE20" s="16">
        <v>0</v>
      </c>
      <c r="AF20" s="16">
        <v>0</v>
      </c>
      <c r="AG20" s="16">
        <v>0</v>
      </c>
      <c r="AH20" s="16">
        <v>48826</v>
      </c>
      <c r="AI20" s="16">
        <v>42490</v>
      </c>
      <c r="AJ20" s="16">
        <v>211019</v>
      </c>
      <c r="AK20" s="16">
        <v>80968</v>
      </c>
      <c r="AL20" s="16">
        <v>11980</v>
      </c>
      <c r="AM20" s="16">
        <v>68988</v>
      </c>
      <c r="AN20" s="16">
        <v>5476174</v>
      </c>
      <c r="AO20" s="16">
        <v>1526718</v>
      </c>
      <c r="AP20" s="16">
        <v>632998</v>
      </c>
      <c r="AQ20" s="16">
        <v>672251</v>
      </c>
      <c r="AR20" s="16">
        <v>1089607</v>
      </c>
      <c r="AS20" s="16">
        <v>0</v>
      </c>
      <c r="AT20" s="16">
        <v>81033</v>
      </c>
      <c r="AU20" s="16">
        <v>0</v>
      </c>
      <c r="AV20" s="16">
        <v>0</v>
      </c>
      <c r="AW20" s="16">
        <v>23094</v>
      </c>
      <c r="AX20" s="16">
        <v>0</v>
      </c>
      <c r="AY20" s="16">
        <v>0</v>
      </c>
      <c r="AZ20" s="16">
        <v>23094</v>
      </c>
      <c r="BA20" s="16">
        <v>0</v>
      </c>
      <c r="BB20" s="16">
        <v>360807</v>
      </c>
      <c r="BC20" s="16">
        <v>0</v>
      </c>
      <c r="BD20" s="16">
        <v>0</v>
      </c>
      <c r="BE20" s="16">
        <v>0</v>
      </c>
      <c r="BF20" s="16">
        <v>0</v>
      </c>
      <c r="BG20" s="16">
        <v>1089666</v>
      </c>
      <c r="BH20" s="16">
        <v>0</v>
      </c>
      <c r="BI20" s="16">
        <v>2095399</v>
      </c>
      <c r="BJ20" s="16">
        <v>1276375</v>
      </c>
      <c r="BK20" s="16">
        <v>337106</v>
      </c>
      <c r="BL20" s="16">
        <v>363187</v>
      </c>
      <c r="BM20" s="16">
        <v>234790</v>
      </c>
      <c r="BN20" s="16">
        <v>55783</v>
      </c>
      <c r="BO20" s="16">
        <v>0</v>
      </c>
      <c r="BP20" s="16">
        <v>37981</v>
      </c>
      <c r="BQ20" s="16">
        <v>0</v>
      </c>
      <c r="BR20" s="16">
        <v>0</v>
      </c>
      <c r="BS20" s="16">
        <v>37981</v>
      </c>
      <c r="BT20" s="16">
        <v>0</v>
      </c>
      <c r="BU20" s="16">
        <v>0</v>
      </c>
      <c r="BV20" s="16">
        <v>247528</v>
      </c>
      <c r="BW20" s="16">
        <v>819024</v>
      </c>
      <c r="BX20" s="16">
        <v>0</v>
      </c>
      <c r="BY20" s="16">
        <v>0</v>
      </c>
      <c r="BZ20" s="16">
        <v>819024</v>
      </c>
      <c r="CA20" s="16">
        <v>171815</v>
      </c>
      <c r="CB20" s="16">
        <v>11660</v>
      </c>
      <c r="CC20" s="16">
        <v>160155</v>
      </c>
      <c r="CD20" s="16">
        <v>159784</v>
      </c>
      <c r="CE20" s="16">
        <v>0</v>
      </c>
      <c r="CF20" s="16">
        <v>371</v>
      </c>
      <c r="CG20" s="16">
        <v>177775</v>
      </c>
      <c r="CH20" s="16">
        <v>161251</v>
      </c>
      <c r="CI20" s="16">
        <v>914931</v>
      </c>
      <c r="CJ20" s="16">
        <v>877391</v>
      </c>
      <c r="CK20" s="16">
        <v>37540</v>
      </c>
      <c r="CL20" s="16">
        <v>687955</v>
      </c>
      <c r="CM20" s="16">
        <v>61049</v>
      </c>
      <c r="CN20" s="16">
        <v>218</v>
      </c>
      <c r="CO20" s="16">
        <v>0</v>
      </c>
      <c r="CP20" s="16">
        <v>372051</v>
      </c>
      <c r="CQ20" s="16">
        <v>5467</v>
      </c>
      <c r="CR20" s="16">
        <v>0</v>
      </c>
      <c r="CS20" s="16">
        <v>5467</v>
      </c>
      <c r="CT20" s="16">
        <v>0</v>
      </c>
      <c r="CU20" s="16">
        <v>249170</v>
      </c>
      <c r="CV20" s="16">
        <v>0</v>
      </c>
      <c r="CW20" s="16">
        <v>0</v>
      </c>
      <c r="CX20" s="16">
        <v>249170</v>
      </c>
      <c r="CY20" s="16">
        <v>1734700</v>
      </c>
      <c r="CZ20" s="16">
        <v>32249561</v>
      </c>
    </row>
    <row r="21" spans="1:104" s="14" customFormat="1" ht="17.25" customHeight="1">
      <c r="A21" s="6" t="s">
        <v>118</v>
      </c>
      <c r="B21" s="16">
        <v>22877810</v>
      </c>
      <c r="C21" s="16">
        <v>256702</v>
      </c>
      <c r="D21" s="16">
        <v>74382</v>
      </c>
      <c r="E21" s="16">
        <v>0</v>
      </c>
      <c r="F21" s="16">
        <v>0</v>
      </c>
      <c r="G21" s="16">
        <v>0</v>
      </c>
      <c r="H21" s="16">
        <v>182320</v>
      </c>
      <c r="I21" s="16">
        <v>0</v>
      </c>
      <c r="J21" s="16">
        <v>25801</v>
      </c>
      <c r="K21" s="16">
        <v>121351</v>
      </c>
      <c r="L21" s="16">
        <v>130705</v>
      </c>
      <c r="M21" s="16">
        <v>0</v>
      </c>
      <c r="N21" s="16">
        <v>0</v>
      </c>
      <c r="O21" s="16">
        <v>2237680</v>
      </c>
      <c r="P21" s="16">
        <v>0</v>
      </c>
      <c r="Q21" s="16">
        <v>0</v>
      </c>
      <c r="R21" s="16">
        <v>138944</v>
      </c>
      <c r="S21" s="16">
        <v>0</v>
      </c>
      <c r="T21" s="16">
        <v>100518</v>
      </c>
      <c r="U21" s="16">
        <v>51316</v>
      </c>
      <c r="V21" s="16">
        <v>0</v>
      </c>
      <c r="W21" s="32">
        <v>50266</v>
      </c>
      <c r="X21" s="16">
        <v>1050</v>
      </c>
      <c r="Y21" s="16">
        <v>17966</v>
      </c>
      <c r="Z21" s="16">
        <v>552981</v>
      </c>
      <c r="AA21" s="16">
        <v>120555</v>
      </c>
      <c r="AB21" s="16">
        <v>432426</v>
      </c>
      <c r="AC21" s="16">
        <v>332983</v>
      </c>
      <c r="AD21" s="16">
        <v>0</v>
      </c>
      <c r="AE21" s="16">
        <v>0</v>
      </c>
      <c r="AF21" s="16">
        <v>0</v>
      </c>
      <c r="AG21" s="16">
        <v>0</v>
      </c>
      <c r="AH21" s="16">
        <v>171614</v>
      </c>
      <c r="AI21" s="16">
        <v>39336</v>
      </c>
      <c r="AJ21" s="16">
        <v>122033</v>
      </c>
      <c r="AK21" s="16">
        <v>82500</v>
      </c>
      <c r="AL21" s="16">
        <v>14317</v>
      </c>
      <c r="AM21" s="16">
        <v>68183</v>
      </c>
      <c r="AN21" s="16">
        <v>6899797</v>
      </c>
      <c r="AO21" s="16">
        <v>1717440</v>
      </c>
      <c r="AP21" s="16">
        <v>779149</v>
      </c>
      <c r="AQ21" s="16">
        <v>904951</v>
      </c>
      <c r="AR21" s="16">
        <v>1475164</v>
      </c>
      <c r="AS21" s="16">
        <v>0</v>
      </c>
      <c r="AT21" s="16">
        <v>343172</v>
      </c>
      <c r="AU21" s="16">
        <v>0</v>
      </c>
      <c r="AV21" s="16">
        <v>0</v>
      </c>
      <c r="AW21" s="16">
        <v>28160</v>
      </c>
      <c r="AX21" s="16">
        <v>0</v>
      </c>
      <c r="AY21" s="16">
        <v>0</v>
      </c>
      <c r="AZ21" s="16">
        <v>28160</v>
      </c>
      <c r="BA21" s="16">
        <v>0</v>
      </c>
      <c r="BB21" s="16">
        <v>773185</v>
      </c>
      <c r="BC21" s="16">
        <v>0</v>
      </c>
      <c r="BD21" s="16">
        <v>0</v>
      </c>
      <c r="BE21" s="16">
        <v>0</v>
      </c>
      <c r="BF21" s="16">
        <v>0</v>
      </c>
      <c r="BG21" s="16">
        <v>878576</v>
      </c>
      <c r="BH21" s="16">
        <v>300</v>
      </c>
      <c r="BI21" s="16">
        <v>2414732</v>
      </c>
      <c r="BJ21" s="16">
        <v>1503508</v>
      </c>
      <c r="BK21" s="16">
        <v>385097</v>
      </c>
      <c r="BL21" s="16">
        <v>453776</v>
      </c>
      <c r="BM21" s="16">
        <v>319384</v>
      </c>
      <c r="BN21" s="16">
        <v>110</v>
      </c>
      <c r="BO21" s="16">
        <v>0</v>
      </c>
      <c r="BP21" s="16">
        <v>49178</v>
      </c>
      <c r="BQ21" s="16">
        <v>0</v>
      </c>
      <c r="BR21" s="16">
        <v>0</v>
      </c>
      <c r="BS21" s="16">
        <v>49178</v>
      </c>
      <c r="BT21" s="16">
        <v>0</v>
      </c>
      <c r="BU21" s="16">
        <v>0</v>
      </c>
      <c r="BV21" s="16">
        <v>295963</v>
      </c>
      <c r="BW21" s="16">
        <v>911224</v>
      </c>
      <c r="BX21" s="16">
        <v>20790</v>
      </c>
      <c r="BY21" s="16">
        <v>0</v>
      </c>
      <c r="BZ21" s="16">
        <v>890434</v>
      </c>
      <c r="CA21" s="16">
        <v>54511</v>
      </c>
      <c r="CB21" s="16">
        <v>6784</v>
      </c>
      <c r="CC21" s="16">
        <v>47727</v>
      </c>
      <c r="CD21" s="16">
        <v>44055</v>
      </c>
      <c r="CE21" s="16">
        <v>0</v>
      </c>
      <c r="CF21" s="16">
        <v>3672</v>
      </c>
      <c r="CG21" s="16">
        <v>185754</v>
      </c>
      <c r="CH21" s="16">
        <v>370189</v>
      </c>
      <c r="CI21" s="16">
        <v>1480785</v>
      </c>
      <c r="CJ21" s="16">
        <v>1057856</v>
      </c>
      <c r="CK21" s="16">
        <v>422929</v>
      </c>
      <c r="CL21" s="16">
        <v>776304</v>
      </c>
      <c r="CM21" s="16">
        <v>34778</v>
      </c>
      <c r="CN21" s="16">
        <v>63</v>
      </c>
      <c r="CO21" s="16">
        <v>0</v>
      </c>
      <c r="CP21" s="16">
        <v>157328</v>
      </c>
      <c r="CQ21" s="16">
        <v>0</v>
      </c>
      <c r="CR21" s="16">
        <v>0</v>
      </c>
      <c r="CS21" s="16">
        <v>0</v>
      </c>
      <c r="CT21" s="16">
        <v>0</v>
      </c>
      <c r="CU21" s="16">
        <v>584135</v>
      </c>
      <c r="CV21" s="16">
        <v>0</v>
      </c>
      <c r="CW21" s="16">
        <v>0</v>
      </c>
      <c r="CX21" s="16">
        <v>584135</v>
      </c>
      <c r="CY21" s="16">
        <v>2347400</v>
      </c>
      <c r="CZ21" s="16">
        <v>41457029</v>
      </c>
    </row>
    <row r="22" spans="1:104" s="14" customFormat="1" ht="17.25" customHeight="1">
      <c r="A22" s="6" t="s">
        <v>119</v>
      </c>
      <c r="B22" s="16">
        <v>19610999</v>
      </c>
      <c r="C22" s="16">
        <v>212134</v>
      </c>
      <c r="D22" s="16">
        <v>61468</v>
      </c>
      <c r="E22" s="16">
        <v>0</v>
      </c>
      <c r="F22" s="16">
        <v>0</v>
      </c>
      <c r="G22" s="16">
        <v>0</v>
      </c>
      <c r="H22" s="16">
        <v>150666</v>
      </c>
      <c r="I22" s="16">
        <v>0</v>
      </c>
      <c r="J22" s="16">
        <v>23221</v>
      </c>
      <c r="K22" s="16">
        <v>109197</v>
      </c>
      <c r="L22" s="16">
        <v>117579</v>
      </c>
      <c r="M22" s="16">
        <v>0</v>
      </c>
      <c r="N22" s="16">
        <v>0</v>
      </c>
      <c r="O22" s="16">
        <v>1991529</v>
      </c>
      <c r="P22" s="16">
        <v>0</v>
      </c>
      <c r="Q22" s="16">
        <v>0</v>
      </c>
      <c r="R22" s="16">
        <v>114586</v>
      </c>
      <c r="S22" s="16">
        <v>0</v>
      </c>
      <c r="T22" s="16">
        <v>124057</v>
      </c>
      <c r="U22" s="16">
        <v>2201761</v>
      </c>
      <c r="V22" s="16">
        <v>2037858</v>
      </c>
      <c r="W22" s="32">
        <v>163884</v>
      </c>
      <c r="X22" s="16">
        <v>19</v>
      </c>
      <c r="Y22" s="16">
        <v>15753</v>
      </c>
      <c r="Z22" s="16">
        <v>247234</v>
      </c>
      <c r="AA22" s="16">
        <v>13438</v>
      </c>
      <c r="AB22" s="16">
        <v>233796</v>
      </c>
      <c r="AC22" s="16">
        <v>406767</v>
      </c>
      <c r="AD22" s="16">
        <v>0</v>
      </c>
      <c r="AE22" s="16">
        <v>0</v>
      </c>
      <c r="AF22" s="16">
        <v>0</v>
      </c>
      <c r="AG22" s="16">
        <v>0</v>
      </c>
      <c r="AH22" s="16">
        <v>120043</v>
      </c>
      <c r="AI22" s="16">
        <v>93246</v>
      </c>
      <c r="AJ22" s="16">
        <v>193478</v>
      </c>
      <c r="AK22" s="16">
        <v>120316</v>
      </c>
      <c r="AL22" s="16">
        <v>16646</v>
      </c>
      <c r="AM22" s="16">
        <v>103670</v>
      </c>
      <c r="AN22" s="16">
        <v>8219778</v>
      </c>
      <c r="AO22" s="16">
        <v>3153722</v>
      </c>
      <c r="AP22" s="16">
        <v>587525</v>
      </c>
      <c r="AQ22" s="16">
        <v>959962</v>
      </c>
      <c r="AR22" s="16">
        <v>1363625</v>
      </c>
      <c r="AS22" s="16">
        <v>0</v>
      </c>
      <c r="AT22" s="16">
        <v>938213</v>
      </c>
      <c r="AU22" s="16">
        <v>0</v>
      </c>
      <c r="AV22" s="16">
        <v>0</v>
      </c>
      <c r="AW22" s="16">
        <v>31041</v>
      </c>
      <c r="AX22" s="16">
        <v>0</v>
      </c>
      <c r="AY22" s="16">
        <v>0</v>
      </c>
      <c r="AZ22" s="16">
        <v>31041</v>
      </c>
      <c r="BA22" s="16">
        <v>0</v>
      </c>
      <c r="BB22" s="16">
        <v>231847</v>
      </c>
      <c r="BC22" s="16">
        <v>64326</v>
      </c>
      <c r="BD22" s="16">
        <v>0</v>
      </c>
      <c r="BE22" s="16">
        <v>0</v>
      </c>
      <c r="BF22" s="16">
        <v>0</v>
      </c>
      <c r="BG22" s="16">
        <v>889517</v>
      </c>
      <c r="BH22" s="16">
        <v>253888</v>
      </c>
      <c r="BI22" s="16">
        <v>2315798</v>
      </c>
      <c r="BJ22" s="16">
        <v>1403773</v>
      </c>
      <c r="BK22" s="16">
        <v>293996</v>
      </c>
      <c r="BL22" s="16">
        <v>439081</v>
      </c>
      <c r="BM22" s="16">
        <v>298371</v>
      </c>
      <c r="BN22" s="16">
        <v>0</v>
      </c>
      <c r="BO22" s="16">
        <v>0</v>
      </c>
      <c r="BP22" s="16">
        <v>45487</v>
      </c>
      <c r="BQ22" s="16">
        <v>0</v>
      </c>
      <c r="BR22" s="16">
        <v>0</v>
      </c>
      <c r="BS22" s="16">
        <v>45487</v>
      </c>
      <c r="BT22" s="16">
        <v>0</v>
      </c>
      <c r="BU22" s="16">
        <v>0</v>
      </c>
      <c r="BV22" s="16">
        <v>326838</v>
      </c>
      <c r="BW22" s="16">
        <v>912025</v>
      </c>
      <c r="BX22" s="16">
        <v>0</v>
      </c>
      <c r="BY22" s="16">
        <v>0</v>
      </c>
      <c r="BZ22" s="16">
        <v>912025</v>
      </c>
      <c r="CA22" s="16">
        <v>178942</v>
      </c>
      <c r="CB22" s="16">
        <v>5898</v>
      </c>
      <c r="CC22" s="16">
        <v>173044</v>
      </c>
      <c r="CD22" s="16">
        <v>172727</v>
      </c>
      <c r="CE22" s="16">
        <v>0</v>
      </c>
      <c r="CF22" s="16">
        <v>317</v>
      </c>
      <c r="CG22" s="16">
        <v>5881</v>
      </c>
      <c r="CH22" s="16">
        <v>2002543</v>
      </c>
      <c r="CI22" s="16">
        <v>1088063</v>
      </c>
      <c r="CJ22" s="16">
        <v>972151</v>
      </c>
      <c r="CK22" s="16">
        <v>115912</v>
      </c>
      <c r="CL22" s="16">
        <v>593789</v>
      </c>
      <c r="CM22" s="16">
        <v>50744</v>
      </c>
      <c r="CN22" s="16">
        <v>24</v>
      </c>
      <c r="CO22" s="16">
        <v>0</v>
      </c>
      <c r="CP22" s="16">
        <v>67376</v>
      </c>
      <c r="CQ22" s="16">
        <v>0</v>
      </c>
      <c r="CR22" s="16">
        <v>0</v>
      </c>
      <c r="CS22" s="16">
        <v>0</v>
      </c>
      <c r="CT22" s="16">
        <v>0</v>
      </c>
      <c r="CU22" s="16">
        <v>475645</v>
      </c>
      <c r="CV22" s="16">
        <v>0</v>
      </c>
      <c r="CW22" s="16">
        <v>0</v>
      </c>
      <c r="CX22" s="16">
        <v>475645</v>
      </c>
      <c r="CY22" s="16">
        <v>3677280</v>
      </c>
      <c r="CZ22" s="16">
        <v>43631095</v>
      </c>
    </row>
    <row r="23" spans="1:104" s="14" customFormat="1" ht="17.25" customHeight="1">
      <c r="A23" s="6" t="s">
        <v>120</v>
      </c>
      <c r="B23" s="16">
        <v>7281662</v>
      </c>
      <c r="C23" s="16">
        <v>93358</v>
      </c>
      <c r="D23" s="16">
        <v>27052</v>
      </c>
      <c r="E23" s="16">
        <v>0</v>
      </c>
      <c r="F23" s="16">
        <v>0</v>
      </c>
      <c r="G23" s="16">
        <v>0</v>
      </c>
      <c r="H23" s="16">
        <v>66306</v>
      </c>
      <c r="I23" s="16">
        <v>0</v>
      </c>
      <c r="J23" s="16">
        <v>7356</v>
      </c>
      <c r="K23" s="16">
        <v>34473</v>
      </c>
      <c r="L23" s="16">
        <v>36912</v>
      </c>
      <c r="M23" s="16">
        <v>0</v>
      </c>
      <c r="N23" s="16">
        <v>0</v>
      </c>
      <c r="O23" s="16">
        <v>686976</v>
      </c>
      <c r="P23" s="16">
        <v>0</v>
      </c>
      <c r="Q23" s="16">
        <v>0</v>
      </c>
      <c r="R23" s="16">
        <v>50536</v>
      </c>
      <c r="S23" s="16">
        <v>0</v>
      </c>
      <c r="T23" s="16">
        <v>32102</v>
      </c>
      <c r="U23" s="16">
        <v>686190</v>
      </c>
      <c r="V23" s="16">
        <v>641870</v>
      </c>
      <c r="W23" s="32">
        <v>44320</v>
      </c>
      <c r="X23" s="16">
        <v>0</v>
      </c>
      <c r="Y23" s="16">
        <v>4847</v>
      </c>
      <c r="Z23" s="16">
        <v>173761</v>
      </c>
      <c r="AA23" s="16">
        <v>26804</v>
      </c>
      <c r="AB23" s="16">
        <v>146957</v>
      </c>
      <c r="AC23" s="16">
        <v>199885</v>
      </c>
      <c r="AD23" s="16">
        <v>20578</v>
      </c>
      <c r="AE23" s="16">
        <v>0</v>
      </c>
      <c r="AF23" s="16">
        <v>20578</v>
      </c>
      <c r="AG23" s="16">
        <v>0</v>
      </c>
      <c r="AH23" s="16">
        <v>30307</v>
      </c>
      <c r="AI23" s="16">
        <v>63652</v>
      </c>
      <c r="AJ23" s="16">
        <v>85348</v>
      </c>
      <c r="AK23" s="16">
        <v>74407</v>
      </c>
      <c r="AL23" s="16">
        <v>17629</v>
      </c>
      <c r="AM23" s="16">
        <v>56778</v>
      </c>
      <c r="AN23" s="16">
        <v>2028651</v>
      </c>
      <c r="AO23" s="16">
        <v>604006</v>
      </c>
      <c r="AP23" s="16">
        <v>262196</v>
      </c>
      <c r="AQ23" s="16">
        <v>334680</v>
      </c>
      <c r="AR23" s="16">
        <v>444534</v>
      </c>
      <c r="AS23" s="16">
        <v>0</v>
      </c>
      <c r="AT23" s="16">
        <v>36478</v>
      </c>
      <c r="AU23" s="16">
        <v>0</v>
      </c>
      <c r="AV23" s="16">
        <v>0</v>
      </c>
      <c r="AW23" s="16">
        <v>9038</v>
      </c>
      <c r="AX23" s="16">
        <v>0</v>
      </c>
      <c r="AY23" s="16">
        <v>0</v>
      </c>
      <c r="AZ23" s="16">
        <v>9038</v>
      </c>
      <c r="BA23" s="16">
        <v>0</v>
      </c>
      <c r="BB23" s="16">
        <v>48429</v>
      </c>
      <c r="BC23" s="16">
        <v>0</v>
      </c>
      <c r="BD23" s="16">
        <v>0</v>
      </c>
      <c r="BE23" s="16">
        <v>19050</v>
      </c>
      <c r="BF23" s="16">
        <v>0</v>
      </c>
      <c r="BG23" s="16">
        <v>270240</v>
      </c>
      <c r="BH23" s="16">
        <v>0</v>
      </c>
      <c r="BI23" s="16">
        <v>1197719</v>
      </c>
      <c r="BJ23" s="16">
        <v>498555</v>
      </c>
      <c r="BK23" s="16">
        <v>136435</v>
      </c>
      <c r="BL23" s="16">
        <v>162508</v>
      </c>
      <c r="BM23" s="16">
        <v>97639</v>
      </c>
      <c r="BN23" s="16">
        <v>11353</v>
      </c>
      <c r="BO23" s="16">
        <v>0</v>
      </c>
      <c r="BP23" s="16">
        <v>18508</v>
      </c>
      <c r="BQ23" s="16">
        <v>0</v>
      </c>
      <c r="BR23" s="16">
        <v>0</v>
      </c>
      <c r="BS23" s="16">
        <v>18508</v>
      </c>
      <c r="BT23" s="16">
        <v>4400</v>
      </c>
      <c r="BU23" s="16">
        <v>0</v>
      </c>
      <c r="BV23" s="16">
        <v>67712</v>
      </c>
      <c r="BW23" s="16">
        <v>699164</v>
      </c>
      <c r="BX23" s="16">
        <v>299107</v>
      </c>
      <c r="BY23" s="16">
        <v>0</v>
      </c>
      <c r="BZ23" s="16">
        <v>400057</v>
      </c>
      <c r="CA23" s="16">
        <v>104102</v>
      </c>
      <c r="CB23" s="16">
        <v>39076</v>
      </c>
      <c r="CC23" s="16">
        <v>65026</v>
      </c>
      <c r="CD23" s="16">
        <v>64959</v>
      </c>
      <c r="CE23" s="16">
        <v>0</v>
      </c>
      <c r="CF23" s="16">
        <v>67</v>
      </c>
      <c r="CG23" s="16">
        <v>367822</v>
      </c>
      <c r="CH23" s="16">
        <v>216514</v>
      </c>
      <c r="CI23" s="16">
        <v>439839</v>
      </c>
      <c r="CJ23" s="16">
        <v>437195</v>
      </c>
      <c r="CK23" s="16">
        <v>2644</v>
      </c>
      <c r="CL23" s="16">
        <v>228322</v>
      </c>
      <c r="CM23" s="16">
        <v>13200</v>
      </c>
      <c r="CN23" s="16">
        <v>76</v>
      </c>
      <c r="CO23" s="16">
        <v>0</v>
      </c>
      <c r="CP23" s="16">
        <v>48989</v>
      </c>
      <c r="CQ23" s="16">
        <v>0</v>
      </c>
      <c r="CR23" s="16">
        <v>0</v>
      </c>
      <c r="CS23" s="16">
        <v>0</v>
      </c>
      <c r="CT23" s="16">
        <v>0</v>
      </c>
      <c r="CU23" s="16">
        <v>166057</v>
      </c>
      <c r="CV23" s="16">
        <v>495</v>
      </c>
      <c r="CW23" s="16">
        <v>0</v>
      </c>
      <c r="CX23" s="16">
        <v>165562</v>
      </c>
      <c r="CY23" s="16">
        <v>1000400</v>
      </c>
      <c r="CZ23" s="16">
        <v>14945834</v>
      </c>
    </row>
    <row r="24" spans="1:104" ht="17.25" customHeight="1">
      <c r="A24" s="19" t="s">
        <v>121</v>
      </c>
      <c r="B24" s="20">
        <v>13300517</v>
      </c>
      <c r="C24" s="20">
        <v>169314</v>
      </c>
      <c r="D24" s="20">
        <v>49060</v>
      </c>
      <c r="E24" s="20">
        <v>0</v>
      </c>
      <c r="F24" s="20">
        <v>0</v>
      </c>
      <c r="G24" s="20">
        <v>0</v>
      </c>
      <c r="H24" s="20">
        <v>120254</v>
      </c>
      <c r="I24" s="20">
        <v>0</v>
      </c>
      <c r="J24" s="20">
        <v>14167</v>
      </c>
      <c r="K24" s="20">
        <v>66592</v>
      </c>
      <c r="L24" s="20">
        <v>71658</v>
      </c>
      <c r="M24" s="20">
        <v>0</v>
      </c>
      <c r="N24" s="20">
        <v>0</v>
      </c>
      <c r="O24" s="20">
        <v>1443652</v>
      </c>
      <c r="P24" s="20">
        <v>15442</v>
      </c>
      <c r="Q24" s="20">
        <v>0</v>
      </c>
      <c r="R24" s="20">
        <v>91598</v>
      </c>
      <c r="S24" s="20">
        <v>0</v>
      </c>
      <c r="T24" s="20">
        <v>85155</v>
      </c>
      <c r="U24" s="20">
        <v>1144938</v>
      </c>
      <c r="V24" s="20">
        <v>961471</v>
      </c>
      <c r="W24" s="33">
        <v>183438</v>
      </c>
      <c r="X24" s="20">
        <v>29</v>
      </c>
      <c r="Y24" s="20">
        <v>12756</v>
      </c>
      <c r="Z24" s="20">
        <v>217245</v>
      </c>
      <c r="AA24" s="20">
        <v>2464</v>
      </c>
      <c r="AB24" s="20">
        <v>214781</v>
      </c>
      <c r="AC24" s="20">
        <v>147339</v>
      </c>
      <c r="AD24" s="20">
        <v>0</v>
      </c>
      <c r="AE24" s="20">
        <v>0</v>
      </c>
      <c r="AF24" s="20">
        <v>0</v>
      </c>
      <c r="AG24" s="20">
        <v>0</v>
      </c>
      <c r="AH24" s="20">
        <v>66932</v>
      </c>
      <c r="AI24" s="20">
        <v>12535</v>
      </c>
      <c r="AJ24" s="20">
        <v>67872</v>
      </c>
      <c r="AK24" s="20">
        <v>68839</v>
      </c>
      <c r="AL24" s="20">
        <v>36061</v>
      </c>
      <c r="AM24" s="20">
        <v>32778</v>
      </c>
      <c r="AN24" s="20">
        <v>6269606</v>
      </c>
      <c r="AO24" s="20">
        <v>1252787</v>
      </c>
      <c r="AP24" s="20">
        <v>464832</v>
      </c>
      <c r="AQ24" s="20">
        <v>628508</v>
      </c>
      <c r="AR24" s="20">
        <v>1009756</v>
      </c>
      <c r="AS24" s="20">
        <v>0</v>
      </c>
      <c r="AT24" s="20">
        <v>701793</v>
      </c>
      <c r="AU24" s="20">
        <v>0</v>
      </c>
      <c r="AV24" s="20">
        <v>0</v>
      </c>
      <c r="AW24" s="20">
        <v>19470</v>
      </c>
      <c r="AX24" s="20">
        <v>0</v>
      </c>
      <c r="AY24" s="20">
        <v>0</v>
      </c>
      <c r="AZ24" s="20">
        <v>19470</v>
      </c>
      <c r="BA24" s="20">
        <v>0</v>
      </c>
      <c r="BB24" s="20">
        <v>1002588</v>
      </c>
      <c r="BC24" s="20">
        <v>696188</v>
      </c>
      <c r="BD24" s="20">
        <v>0</v>
      </c>
      <c r="BE24" s="20">
        <v>0</v>
      </c>
      <c r="BF24" s="20">
        <v>0</v>
      </c>
      <c r="BG24" s="20">
        <v>493684</v>
      </c>
      <c r="BH24" s="20">
        <v>1227591</v>
      </c>
      <c r="BI24" s="20">
        <v>2210393</v>
      </c>
      <c r="BJ24" s="20">
        <v>986167</v>
      </c>
      <c r="BK24" s="20">
        <v>233418</v>
      </c>
      <c r="BL24" s="20">
        <v>313325</v>
      </c>
      <c r="BM24" s="20">
        <v>225191</v>
      </c>
      <c r="BN24" s="20">
        <v>28833</v>
      </c>
      <c r="BO24" s="20">
        <v>0</v>
      </c>
      <c r="BP24" s="20">
        <v>30183</v>
      </c>
      <c r="BQ24" s="20">
        <v>0</v>
      </c>
      <c r="BR24" s="20">
        <v>0</v>
      </c>
      <c r="BS24" s="20">
        <v>30183</v>
      </c>
      <c r="BT24" s="20">
        <v>0</v>
      </c>
      <c r="BU24" s="20">
        <v>0</v>
      </c>
      <c r="BV24" s="20">
        <v>155217</v>
      </c>
      <c r="BW24" s="20">
        <v>1224226</v>
      </c>
      <c r="BX24" s="20">
        <v>0</v>
      </c>
      <c r="BY24" s="20">
        <v>0</v>
      </c>
      <c r="BZ24" s="20">
        <v>1224226</v>
      </c>
      <c r="CA24" s="20">
        <v>94139</v>
      </c>
      <c r="CB24" s="20">
        <v>74429</v>
      </c>
      <c r="CC24" s="20">
        <v>19710</v>
      </c>
      <c r="CD24" s="20">
        <v>19029</v>
      </c>
      <c r="CE24" s="20">
        <v>0</v>
      </c>
      <c r="CF24" s="20">
        <v>681</v>
      </c>
      <c r="CG24" s="20">
        <v>440539</v>
      </c>
      <c r="CH24" s="20">
        <v>736344</v>
      </c>
      <c r="CI24" s="20">
        <v>1063256</v>
      </c>
      <c r="CJ24" s="20">
        <v>435605</v>
      </c>
      <c r="CK24" s="20">
        <v>627651</v>
      </c>
      <c r="CL24" s="20">
        <v>395422</v>
      </c>
      <c r="CM24" s="20">
        <v>41999</v>
      </c>
      <c r="CN24" s="20">
        <v>26</v>
      </c>
      <c r="CO24" s="20">
        <v>0</v>
      </c>
      <c r="CP24" s="20">
        <v>60087</v>
      </c>
      <c r="CQ24" s="20">
        <v>53946</v>
      </c>
      <c r="CR24" s="20">
        <v>0</v>
      </c>
      <c r="CS24" s="20">
        <v>53946</v>
      </c>
      <c r="CT24" s="20">
        <v>0</v>
      </c>
      <c r="CU24" s="20">
        <v>239364</v>
      </c>
      <c r="CV24" s="20">
        <v>0</v>
      </c>
      <c r="CW24" s="20">
        <v>0</v>
      </c>
      <c r="CX24" s="20">
        <v>239364</v>
      </c>
      <c r="CY24" s="20">
        <v>2125589</v>
      </c>
      <c r="CZ24" s="20">
        <v>31412091</v>
      </c>
    </row>
    <row r="25" spans="1:104" ht="17.25" customHeight="1">
      <c r="A25" s="6" t="s">
        <v>122</v>
      </c>
      <c r="B25" s="16">
        <v>5805011</v>
      </c>
      <c r="C25" s="16">
        <v>60047</v>
      </c>
      <c r="D25" s="16">
        <v>17399</v>
      </c>
      <c r="E25" s="16">
        <v>0</v>
      </c>
      <c r="F25" s="16">
        <v>0</v>
      </c>
      <c r="G25" s="16">
        <v>0</v>
      </c>
      <c r="H25" s="16">
        <v>42648</v>
      </c>
      <c r="I25" s="16">
        <v>0</v>
      </c>
      <c r="J25" s="16">
        <v>8305</v>
      </c>
      <c r="K25" s="16">
        <v>39032</v>
      </c>
      <c r="L25" s="16">
        <v>41988</v>
      </c>
      <c r="M25" s="16">
        <v>0</v>
      </c>
      <c r="N25" s="16">
        <v>0</v>
      </c>
      <c r="O25" s="16">
        <v>468047</v>
      </c>
      <c r="P25" s="16">
        <v>15844</v>
      </c>
      <c r="Q25" s="16">
        <v>0</v>
      </c>
      <c r="R25" s="16">
        <v>32437</v>
      </c>
      <c r="S25" s="16">
        <v>0</v>
      </c>
      <c r="T25" s="16">
        <v>22977</v>
      </c>
      <c r="U25" s="16">
        <v>486615</v>
      </c>
      <c r="V25" s="16">
        <v>454299</v>
      </c>
      <c r="W25" s="32">
        <v>32274</v>
      </c>
      <c r="X25" s="16">
        <v>42</v>
      </c>
      <c r="Y25" s="16">
        <v>3853</v>
      </c>
      <c r="Z25" s="16">
        <v>65527</v>
      </c>
      <c r="AA25" s="16">
        <v>3863</v>
      </c>
      <c r="AB25" s="16">
        <v>61664</v>
      </c>
      <c r="AC25" s="16">
        <v>126772</v>
      </c>
      <c r="AD25" s="16">
        <v>0</v>
      </c>
      <c r="AE25" s="16">
        <v>0</v>
      </c>
      <c r="AF25" s="16">
        <v>0</v>
      </c>
      <c r="AG25" s="16">
        <v>0</v>
      </c>
      <c r="AH25" s="16">
        <v>38384</v>
      </c>
      <c r="AI25" s="16">
        <v>11785</v>
      </c>
      <c r="AJ25" s="16">
        <v>76603</v>
      </c>
      <c r="AK25" s="16">
        <v>83286</v>
      </c>
      <c r="AL25" s="16">
        <v>4388</v>
      </c>
      <c r="AM25" s="16">
        <v>78898</v>
      </c>
      <c r="AN25" s="16">
        <v>913229</v>
      </c>
      <c r="AO25" s="16">
        <v>0</v>
      </c>
      <c r="AP25" s="16">
        <v>132253</v>
      </c>
      <c r="AQ25" s="16">
        <v>164652</v>
      </c>
      <c r="AR25" s="16">
        <v>337174</v>
      </c>
      <c r="AS25" s="16">
        <v>0</v>
      </c>
      <c r="AT25" s="16">
        <v>38359</v>
      </c>
      <c r="AU25" s="16">
        <v>0</v>
      </c>
      <c r="AV25" s="16">
        <v>0</v>
      </c>
      <c r="AW25" s="16">
        <v>6064</v>
      </c>
      <c r="AX25" s="16">
        <v>0</v>
      </c>
      <c r="AY25" s="16">
        <v>0</v>
      </c>
      <c r="AZ25" s="16">
        <v>6064</v>
      </c>
      <c r="BA25" s="16">
        <v>0</v>
      </c>
      <c r="BB25" s="16">
        <v>53834</v>
      </c>
      <c r="BC25" s="16">
        <v>0</v>
      </c>
      <c r="BD25" s="16">
        <v>0</v>
      </c>
      <c r="BE25" s="16">
        <v>7473</v>
      </c>
      <c r="BF25" s="16">
        <v>0</v>
      </c>
      <c r="BG25" s="16">
        <v>173420</v>
      </c>
      <c r="BH25" s="16">
        <v>0</v>
      </c>
      <c r="BI25" s="16">
        <v>556307</v>
      </c>
      <c r="BJ25" s="16">
        <v>301750</v>
      </c>
      <c r="BK25" s="16">
        <v>64886</v>
      </c>
      <c r="BL25" s="16">
        <v>81062</v>
      </c>
      <c r="BM25" s="16">
        <v>76494</v>
      </c>
      <c r="BN25" s="16">
        <v>3886</v>
      </c>
      <c r="BO25" s="16">
        <v>0</v>
      </c>
      <c r="BP25" s="16">
        <v>20377</v>
      </c>
      <c r="BQ25" s="16">
        <v>0</v>
      </c>
      <c r="BR25" s="16">
        <v>0</v>
      </c>
      <c r="BS25" s="16">
        <v>20377</v>
      </c>
      <c r="BT25" s="16">
        <v>0</v>
      </c>
      <c r="BU25" s="16">
        <v>0</v>
      </c>
      <c r="BV25" s="16">
        <v>55045</v>
      </c>
      <c r="BW25" s="16">
        <v>254557</v>
      </c>
      <c r="BX25" s="16">
        <v>2121</v>
      </c>
      <c r="BY25" s="16">
        <v>0</v>
      </c>
      <c r="BZ25" s="16">
        <v>252436</v>
      </c>
      <c r="CA25" s="16">
        <v>16294</v>
      </c>
      <c r="CB25" s="16">
        <v>5980</v>
      </c>
      <c r="CC25" s="16">
        <v>10314</v>
      </c>
      <c r="CD25" s="16">
        <v>8070</v>
      </c>
      <c r="CE25" s="16">
        <v>0</v>
      </c>
      <c r="CF25" s="16">
        <v>2244</v>
      </c>
      <c r="CG25" s="16">
        <v>20651</v>
      </c>
      <c r="CH25" s="16">
        <v>449268</v>
      </c>
      <c r="CI25" s="16">
        <v>647271</v>
      </c>
      <c r="CJ25" s="16">
        <v>609328</v>
      </c>
      <c r="CK25" s="16">
        <v>37943</v>
      </c>
      <c r="CL25" s="16">
        <v>61761</v>
      </c>
      <c r="CM25" s="16">
        <v>16983</v>
      </c>
      <c r="CN25" s="16">
        <v>85</v>
      </c>
      <c r="CO25" s="16">
        <v>0</v>
      </c>
      <c r="CP25" s="16">
        <v>5300</v>
      </c>
      <c r="CQ25" s="16">
        <v>0</v>
      </c>
      <c r="CR25" s="16">
        <v>0</v>
      </c>
      <c r="CS25" s="16">
        <v>0</v>
      </c>
      <c r="CT25" s="16">
        <v>0</v>
      </c>
      <c r="CU25" s="16">
        <v>39393</v>
      </c>
      <c r="CV25" s="16">
        <v>0</v>
      </c>
      <c r="CW25" s="16">
        <v>0</v>
      </c>
      <c r="CX25" s="16">
        <v>39393</v>
      </c>
      <c r="CY25" s="16">
        <v>502100</v>
      </c>
      <c r="CZ25" s="16">
        <v>10426622</v>
      </c>
    </row>
    <row r="26" spans="1:104" s="14" customFormat="1" ht="17.25" customHeight="1">
      <c r="A26" s="6" t="s">
        <v>123</v>
      </c>
      <c r="B26" s="16">
        <v>8674402</v>
      </c>
      <c r="C26" s="16">
        <v>97192</v>
      </c>
      <c r="D26" s="16">
        <v>28162</v>
      </c>
      <c r="E26" s="16">
        <v>0</v>
      </c>
      <c r="F26" s="16">
        <v>0</v>
      </c>
      <c r="G26" s="16">
        <v>0</v>
      </c>
      <c r="H26" s="16">
        <v>69030</v>
      </c>
      <c r="I26" s="16">
        <v>0</v>
      </c>
      <c r="J26" s="16">
        <v>8058</v>
      </c>
      <c r="K26" s="16">
        <v>37869</v>
      </c>
      <c r="L26" s="16">
        <v>40737</v>
      </c>
      <c r="M26" s="16">
        <v>0</v>
      </c>
      <c r="N26" s="16">
        <v>0</v>
      </c>
      <c r="O26" s="16">
        <v>829462</v>
      </c>
      <c r="P26" s="16">
        <v>0</v>
      </c>
      <c r="Q26" s="16">
        <v>0</v>
      </c>
      <c r="R26" s="16">
        <v>52503</v>
      </c>
      <c r="S26" s="16">
        <v>0</v>
      </c>
      <c r="T26" s="16">
        <v>48836</v>
      </c>
      <c r="U26" s="16">
        <v>8144</v>
      </c>
      <c r="V26" s="16">
        <v>0</v>
      </c>
      <c r="W26" s="32">
        <v>8144</v>
      </c>
      <c r="X26" s="16">
        <v>0</v>
      </c>
      <c r="Y26" s="16">
        <v>6838</v>
      </c>
      <c r="Z26" s="16">
        <v>508041</v>
      </c>
      <c r="AA26" s="16">
        <v>333568</v>
      </c>
      <c r="AB26" s="16">
        <v>174473</v>
      </c>
      <c r="AC26" s="16">
        <v>33501</v>
      </c>
      <c r="AD26" s="16">
        <v>0</v>
      </c>
      <c r="AE26" s="16">
        <v>0</v>
      </c>
      <c r="AF26" s="16">
        <v>0</v>
      </c>
      <c r="AG26" s="16">
        <v>0</v>
      </c>
      <c r="AH26" s="16">
        <v>0</v>
      </c>
      <c r="AI26" s="16">
        <v>0</v>
      </c>
      <c r="AJ26" s="16">
        <v>33501</v>
      </c>
      <c r="AK26" s="16">
        <v>29247</v>
      </c>
      <c r="AL26" s="16">
        <v>7114</v>
      </c>
      <c r="AM26" s="16">
        <v>22133</v>
      </c>
      <c r="AN26" s="16">
        <v>1695754</v>
      </c>
      <c r="AO26" s="16">
        <v>0</v>
      </c>
      <c r="AP26" s="16">
        <v>276874</v>
      </c>
      <c r="AQ26" s="16">
        <v>345428</v>
      </c>
      <c r="AR26" s="16">
        <v>586105</v>
      </c>
      <c r="AS26" s="16">
        <v>0</v>
      </c>
      <c r="AT26" s="16">
        <v>42207</v>
      </c>
      <c r="AU26" s="16">
        <v>0</v>
      </c>
      <c r="AV26" s="16">
        <v>0</v>
      </c>
      <c r="AW26" s="16">
        <v>26319</v>
      </c>
      <c r="AX26" s="16">
        <v>0</v>
      </c>
      <c r="AY26" s="16">
        <v>0</v>
      </c>
      <c r="AZ26" s="16">
        <v>26319</v>
      </c>
      <c r="BA26" s="16">
        <v>0</v>
      </c>
      <c r="BB26" s="16">
        <v>42904</v>
      </c>
      <c r="BC26" s="16">
        <v>0</v>
      </c>
      <c r="BD26" s="16">
        <v>0</v>
      </c>
      <c r="BE26" s="16">
        <v>4844</v>
      </c>
      <c r="BF26" s="16">
        <v>0</v>
      </c>
      <c r="BG26" s="16">
        <v>371073</v>
      </c>
      <c r="BH26" s="16">
        <v>0</v>
      </c>
      <c r="BI26" s="16">
        <v>1097980</v>
      </c>
      <c r="BJ26" s="16">
        <v>721188</v>
      </c>
      <c r="BK26" s="16">
        <v>137292</v>
      </c>
      <c r="BL26" s="16">
        <v>190161</v>
      </c>
      <c r="BM26" s="16">
        <v>127660</v>
      </c>
      <c r="BN26" s="16">
        <v>0</v>
      </c>
      <c r="BO26" s="16">
        <v>0</v>
      </c>
      <c r="BP26" s="16">
        <v>18562</v>
      </c>
      <c r="BQ26" s="16">
        <v>0</v>
      </c>
      <c r="BR26" s="16">
        <v>0</v>
      </c>
      <c r="BS26" s="16">
        <v>18562</v>
      </c>
      <c r="BT26" s="16">
        <v>0</v>
      </c>
      <c r="BU26" s="16">
        <v>0</v>
      </c>
      <c r="BV26" s="16">
        <v>247513</v>
      </c>
      <c r="BW26" s="16">
        <v>376792</v>
      </c>
      <c r="BX26" s="16">
        <v>0</v>
      </c>
      <c r="BY26" s="16">
        <v>0</v>
      </c>
      <c r="BZ26" s="16">
        <v>376792</v>
      </c>
      <c r="CA26" s="16">
        <v>99932</v>
      </c>
      <c r="CB26" s="16">
        <v>1719</v>
      </c>
      <c r="CC26" s="16">
        <v>98213</v>
      </c>
      <c r="CD26" s="16">
        <v>7057</v>
      </c>
      <c r="CE26" s="16">
        <v>0</v>
      </c>
      <c r="CF26" s="16">
        <v>91156</v>
      </c>
      <c r="CG26" s="16">
        <v>1534179</v>
      </c>
      <c r="CH26" s="16">
        <v>657534</v>
      </c>
      <c r="CI26" s="16">
        <v>745270</v>
      </c>
      <c r="CJ26" s="16">
        <v>683740</v>
      </c>
      <c r="CK26" s="16">
        <v>61530</v>
      </c>
      <c r="CL26" s="16">
        <v>377125</v>
      </c>
      <c r="CM26" s="16">
        <v>11257</v>
      </c>
      <c r="CN26" s="16">
        <v>93</v>
      </c>
      <c r="CO26" s="16">
        <v>0</v>
      </c>
      <c r="CP26" s="16">
        <v>88180</v>
      </c>
      <c r="CQ26" s="16">
        <v>95542</v>
      </c>
      <c r="CR26" s="16">
        <v>91043</v>
      </c>
      <c r="CS26" s="16">
        <v>4499</v>
      </c>
      <c r="CT26" s="16">
        <v>0</v>
      </c>
      <c r="CU26" s="16">
        <v>182053</v>
      </c>
      <c r="CV26" s="16">
        <v>0</v>
      </c>
      <c r="CW26" s="16">
        <v>0</v>
      </c>
      <c r="CX26" s="16">
        <v>182053</v>
      </c>
      <c r="CY26" s="16">
        <v>513700</v>
      </c>
      <c r="CZ26" s="16">
        <v>17096304</v>
      </c>
    </row>
    <row r="27" spans="1:104" s="14" customFormat="1" ht="17.25" customHeight="1">
      <c r="A27" s="6" t="s">
        <v>124</v>
      </c>
      <c r="B27" s="16">
        <v>4916082</v>
      </c>
      <c r="C27" s="16">
        <v>61963</v>
      </c>
      <c r="D27" s="16">
        <v>17954</v>
      </c>
      <c r="E27" s="16">
        <v>0</v>
      </c>
      <c r="F27" s="16">
        <v>0</v>
      </c>
      <c r="G27" s="16">
        <v>0</v>
      </c>
      <c r="H27" s="16">
        <v>44009</v>
      </c>
      <c r="I27" s="16">
        <v>0</v>
      </c>
      <c r="J27" s="16">
        <v>7052</v>
      </c>
      <c r="K27" s="16">
        <v>33192</v>
      </c>
      <c r="L27" s="16">
        <v>35789</v>
      </c>
      <c r="M27" s="16">
        <v>0</v>
      </c>
      <c r="N27" s="16">
        <v>0</v>
      </c>
      <c r="O27" s="16">
        <v>476520</v>
      </c>
      <c r="P27" s="16">
        <v>28756</v>
      </c>
      <c r="Q27" s="16">
        <v>0</v>
      </c>
      <c r="R27" s="16">
        <v>33489</v>
      </c>
      <c r="S27" s="16">
        <v>0</v>
      </c>
      <c r="T27" s="16">
        <v>23121</v>
      </c>
      <c r="U27" s="16">
        <v>748281</v>
      </c>
      <c r="V27" s="16">
        <v>611759</v>
      </c>
      <c r="W27" s="32">
        <v>136522</v>
      </c>
      <c r="X27" s="16">
        <v>0</v>
      </c>
      <c r="Y27" s="16">
        <v>3641</v>
      </c>
      <c r="Z27" s="16">
        <v>314663</v>
      </c>
      <c r="AA27" s="16">
        <v>268569</v>
      </c>
      <c r="AB27" s="16">
        <v>46094</v>
      </c>
      <c r="AC27" s="16">
        <v>157700</v>
      </c>
      <c r="AD27" s="16">
        <v>19741</v>
      </c>
      <c r="AE27" s="16">
        <v>0</v>
      </c>
      <c r="AF27" s="16">
        <v>19741</v>
      </c>
      <c r="AG27" s="16">
        <v>0</v>
      </c>
      <c r="AH27" s="16">
        <v>23636</v>
      </c>
      <c r="AI27" s="16">
        <v>6674</v>
      </c>
      <c r="AJ27" s="16">
        <v>107649</v>
      </c>
      <c r="AK27" s="16">
        <v>25622</v>
      </c>
      <c r="AL27" s="16">
        <v>4504</v>
      </c>
      <c r="AM27" s="16">
        <v>21118</v>
      </c>
      <c r="AN27" s="16">
        <v>1278284</v>
      </c>
      <c r="AO27" s="16">
        <v>0</v>
      </c>
      <c r="AP27" s="16">
        <v>108143</v>
      </c>
      <c r="AQ27" s="16">
        <v>205677</v>
      </c>
      <c r="AR27" s="16">
        <v>306333</v>
      </c>
      <c r="AS27" s="16">
        <v>0</v>
      </c>
      <c r="AT27" s="16">
        <v>407849</v>
      </c>
      <c r="AU27" s="16">
        <v>0</v>
      </c>
      <c r="AV27" s="16">
        <v>0</v>
      </c>
      <c r="AW27" s="16">
        <v>5274</v>
      </c>
      <c r="AX27" s="16">
        <v>0</v>
      </c>
      <c r="AY27" s="16">
        <v>0</v>
      </c>
      <c r="AZ27" s="16">
        <v>5274</v>
      </c>
      <c r="BA27" s="16">
        <v>0</v>
      </c>
      <c r="BB27" s="16">
        <v>73107</v>
      </c>
      <c r="BC27" s="16">
        <v>0</v>
      </c>
      <c r="BD27" s="16">
        <v>0</v>
      </c>
      <c r="BE27" s="16">
        <v>0</v>
      </c>
      <c r="BF27" s="16">
        <v>0</v>
      </c>
      <c r="BG27" s="16">
        <v>171901</v>
      </c>
      <c r="BH27" s="16">
        <v>0</v>
      </c>
      <c r="BI27" s="16">
        <v>700379</v>
      </c>
      <c r="BJ27" s="16">
        <v>388120</v>
      </c>
      <c r="BK27" s="16">
        <v>58206</v>
      </c>
      <c r="BL27" s="16">
        <v>111908</v>
      </c>
      <c r="BM27" s="16">
        <v>68190</v>
      </c>
      <c r="BN27" s="16">
        <v>70739</v>
      </c>
      <c r="BO27" s="16">
        <v>0</v>
      </c>
      <c r="BP27" s="16">
        <v>11062</v>
      </c>
      <c r="BQ27" s="16">
        <v>0</v>
      </c>
      <c r="BR27" s="16">
        <v>0</v>
      </c>
      <c r="BS27" s="16">
        <v>11062</v>
      </c>
      <c r="BT27" s="16">
        <v>0</v>
      </c>
      <c r="BU27" s="16">
        <v>0</v>
      </c>
      <c r="BV27" s="16">
        <v>68015</v>
      </c>
      <c r="BW27" s="16">
        <v>312259</v>
      </c>
      <c r="BX27" s="16">
        <v>0</v>
      </c>
      <c r="BY27" s="16">
        <v>0</v>
      </c>
      <c r="BZ27" s="16">
        <v>312259</v>
      </c>
      <c r="CA27" s="16">
        <v>53333</v>
      </c>
      <c r="CB27" s="16">
        <v>23933</v>
      </c>
      <c r="CC27" s="16">
        <v>29400</v>
      </c>
      <c r="CD27" s="16">
        <v>27790</v>
      </c>
      <c r="CE27" s="16">
        <v>0</v>
      </c>
      <c r="CF27" s="16">
        <v>1610</v>
      </c>
      <c r="CG27" s="16">
        <v>10224</v>
      </c>
      <c r="CH27" s="16">
        <v>457499</v>
      </c>
      <c r="CI27" s="16">
        <v>613798</v>
      </c>
      <c r="CJ27" s="16">
        <v>493653</v>
      </c>
      <c r="CK27" s="16">
        <v>120145</v>
      </c>
      <c r="CL27" s="16">
        <v>173571</v>
      </c>
      <c r="CM27" s="16">
        <v>7679</v>
      </c>
      <c r="CN27" s="16">
        <v>477</v>
      </c>
      <c r="CO27" s="16">
        <v>0</v>
      </c>
      <c r="CP27" s="16">
        <v>37229</v>
      </c>
      <c r="CQ27" s="16">
        <v>0</v>
      </c>
      <c r="CR27" s="16">
        <v>0</v>
      </c>
      <c r="CS27" s="16">
        <v>0</v>
      </c>
      <c r="CT27" s="16">
        <v>0</v>
      </c>
      <c r="CU27" s="16">
        <v>128186</v>
      </c>
      <c r="CV27" s="16">
        <v>0</v>
      </c>
      <c r="CW27" s="16">
        <v>0</v>
      </c>
      <c r="CX27" s="16">
        <v>128186</v>
      </c>
      <c r="CY27" s="16">
        <v>1108900</v>
      </c>
      <c r="CZ27" s="16">
        <v>11261859</v>
      </c>
    </row>
    <row r="28" spans="1:104" s="14" customFormat="1" ht="17.25" customHeight="1">
      <c r="A28" s="6" t="s">
        <v>125</v>
      </c>
      <c r="B28" s="16">
        <v>4305273</v>
      </c>
      <c r="C28" s="16">
        <v>58604</v>
      </c>
      <c r="D28" s="16">
        <v>16981</v>
      </c>
      <c r="E28" s="16">
        <v>0</v>
      </c>
      <c r="F28" s="16">
        <v>0</v>
      </c>
      <c r="G28" s="16">
        <v>0</v>
      </c>
      <c r="H28" s="16">
        <v>41623</v>
      </c>
      <c r="I28" s="16">
        <v>0</v>
      </c>
      <c r="J28" s="16">
        <v>5521</v>
      </c>
      <c r="K28" s="16">
        <v>25922</v>
      </c>
      <c r="L28" s="16">
        <v>27839</v>
      </c>
      <c r="M28" s="16">
        <v>0</v>
      </c>
      <c r="N28" s="16">
        <v>0</v>
      </c>
      <c r="O28" s="16">
        <v>406515</v>
      </c>
      <c r="P28" s="16">
        <v>8949</v>
      </c>
      <c r="Q28" s="16">
        <v>0</v>
      </c>
      <c r="R28" s="16">
        <v>31691</v>
      </c>
      <c r="S28" s="16">
        <v>0</v>
      </c>
      <c r="T28" s="16">
        <v>15518</v>
      </c>
      <c r="U28" s="16">
        <v>837923</v>
      </c>
      <c r="V28" s="16">
        <v>726319</v>
      </c>
      <c r="W28" s="32">
        <v>111604</v>
      </c>
      <c r="X28" s="16">
        <v>0</v>
      </c>
      <c r="Y28" s="16">
        <v>3853</v>
      </c>
      <c r="Z28" s="16">
        <v>133495</v>
      </c>
      <c r="AA28" s="16">
        <v>58051</v>
      </c>
      <c r="AB28" s="16">
        <v>75444</v>
      </c>
      <c r="AC28" s="16">
        <v>156608</v>
      </c>
      <c r="AD28" s="16">
        <v>0</v>
      </c>
      <c r="AE28" s="16">
        <v>0</v>
      </c>
      <c r="AF28" s="16">
        <v>0</v>
      </c>
      <c r="AG28" s="16">
        <v>0</v>
      </c>
      <c r="AH28" s="16">
        <v>22825</v>
      </c>
      <c r="AI28" s="16">
        <v>0</v>
      </c>
      <c r="AJ28" s="16">
        <v>133783</v>
      </c>
      <c r="AK28" s="16">
        <v>53825</v>
      </c>
      <c r="AL28" s="16">
        <v>5043</v>
      </c>
      <c r="AM28" s="16">
        <v>48782</v>
      </c>
      <c r="AN28" s="16">
        <v>780267</v>
      </c>
      <c r="AO28" s="16">
        <v>0</v>
      </c>
      <c r="AP28" s="16">
        <v>129736</v>
      </c>
      <c r="AQ28" s="16">
        <v>196305</v>
      </c>
      <c r="AR28" s="16">
        <v>244969</v>
      </c>
      <c r="AS28" s="16">
        <v>0</v>
      </c>
      <c r="AT28" s="16">
        <v>0</v>
      </c>
      <c r="AU28" s="16">
        <v>0</v>
      </c>
      <c r="AV28" s="16">
        <v>0</v>
      </c>
      <c r="AW28" s="16">
        <v>4439</v>
      </c>
      <c r="AX28" s="16">
        <v>0</v>
      </c>
      <c r="AY28" s="16">
        <v>0</v>
      </c>
      <c r="AZ28" s="16">
        <v>4439</v>
      </c>
      <c r="BA28" s="16">
        <v>0</v>
      </c>
      <c r="BB28" s="16">
        <v>88588</v>
      </c>
      <c r="BC28" s="16">
        <v>0</v>
      </c>
      <c r="BD28" s="16">
        <v>0</v>
      </c>
      <c r="BE28" s="16">
        <v>8254</v>
      </c>
      <c r="BF28" s="16">
        <v>0</v>
      </c>
      <c r="BG28" s="16">
        <v>107976</v>
      </c>
      <c r="BH28" s="16">
        <v>0</v>
      </c>
      <c r="BI28" s="16">
        <v>510328</v>
      </c>
      <c r="BJ28" s="16">
        <v>276211</v>
      </c>
      <c r="BK28" s="16">
        <v>64089</v>
      </c>
      <c r="BL28" s="16">
        <v>96581</v>
      </c>
      <c r="BM28" s="16">
        <v>54653</v>
      </c>
      <c r="BN28" s="16">
        <v>8750</v>
      </c>
      <c r="BO28" s="16">
        <v>0</v>
      </c>
      <c r="BP28" s="16">
        <v>15197</v>
      </c>
      <c r="BQ28" s="16">
        <v>0</v>
      </c>
      <c r="BR28" s="16">
        <v>0</v>
      </c>
      <c r="BS28" s="16">
        <v>15197</v>
      </c>
      <c r="BT28" s="16">
        <v>0</v>
      </c>
      <c r="BU28" s="16">
        <v>0</v>
      </c>
      <c r="BV28" s="16">
        <v>36941</v>
      </c>
      <c r="BW28" s="16">
        <v>234117</v>
      </c>
      <c r="BX28" s="16">
        <v>0</v>
      </c>
      <c r="BY28" s="16">
        <v>0</v>
      </c>
      <c r="BZ28" s="16">
        <v>234117</v>
      </c>
      <c r="CA28" s="16">
        <v>11738</v>
      </c>
      <c r="CB28" s="16">
        <v>11038</v>
      </c>
      <c r="CC28" s="16">
        <v>700</v>
      </c>
      <c r="CD28" s="16">
        <v>196</v>
      </c>
      <c r="CE28" s="16">
        <v>0</v>
      </c>
      <c r="CF28" s="16">
        <v>504</v>
      </c>
      <c r="CG28" s="16">
        <v>6585</v>
      </c>
      <c r="CH28" s="16">
        <v>71501</v>
      </c>
      <c r="CI28" s="16">
        <v>246239</v>
      </c>
      <c r="CJ28" s="16">
        <v>221255</v>
      </c>
      <c r="CK28" s="16">
        <v>24984</v>
      </c>
      <c r="CL28" s="16">
        <v>104879</v>
      </c>
      <c r="CM28" s="16">
        <v>9973</v>
      </c>
      <c r="CN28" s="16">
        <v>18</v>
      </c>
      <c r="CO28" s="16">
        <v>0</v>
      </c>
      <c r="CP28" s="16">
        <v>30000</v>
      </c>
      <c r="CQ28" s="16">
        <v>0</v>
      </c>
      <c r="CR28" s="16">
        <v>0</v>
      </c>
      <c r="CS28" s="16">
        <v>0</v>
      </c>
      <c r="CT28" s="16">
        <v>0</v>
      </c>
      <c r="CU28" s="16">
        <v>64888</v>
      </c>
      <c r="CV28" s="16">
        <v>0</v>
      </c>
      <c r="CW28" s="16">
        <v>0</v>
      </c>
      <c r="CX28" s="16">
        <v>64888</v>
      </c>
      <c r="CY28" s="16">
        <v>570300</v>
      </c>
      <c r="CZ28" s="16">
        <v>8373373</v>
      </c>
    </row>
    <row r="29" spans="1:104" s="14" customFormat="1" ht="17.25" customHeight="1">
      <c r="A29" s="6" t="s">
        <v>126</v>
      </c>
      <c r="B29" s="16">
        <v>2613563</v>
      </c>
      <c r="C29" s="16">
        <v>40469</v>
      </c>
      <c r="D29" s="16">
        <v>11726</v>
      </c>
      <c r="E29" s="16">
        <v>0</v>
      </c>
      <c r="F29" s="16">
        <v>0</v>
      </c>
      <c r="G29" s="16">
        <v>0</v>
      </c>
      <c r="H29" s="16">
        <v>28743</v>
      </c>
      <c r="I29" s="16">
        <v>0</v>
      </c>
      <c r="J29" s="16">
        <v>1513</v>
      </c>
      <c r="K29" s="16">
        <v>7094</v>
      </c>
      <c r="L29" s="16">
        <v>7598</v>
      </c>
      <c r="M29" s="16">
        <v>0</v>
      </c>
      <c r="N29" s="16">
        <v>0</v>
      </c>
      <c r="O29" s="16">
        <v>208120</v>
      </c>
      <c r="P29" s="16">
        <v>35725</v>
      </c>
      <c r="Q29" s="16">
        <v>0</v>
      </c>
      <c r="R29" s="16">
        <v>20433</v>
      </c>
      <c r="S29" s="16">
        <v>0</v>
      </c>
      <c r="T29" s="16">
        <v>5356</v>
      </c>
      <c r="U29" s="16">
        <v>6502</v>
      </c>
      <c r="V29" s="16">
        <v>0</v>
      </c>
      <c r="W29" s="32">
        <v>6502</v>
      </c>
      <c r="X29" s="16">
        <v>0</v>
      </c>
      <c r="Y29" s="16">
        <v>1993</v>
      </c>
      <c r="Z29" s="16">
        <v>26816</v>
      </c>
      <c r="AA29" s="16">
        <v>3896</v>
      </c>
      <c r="AB29" s="16">
        <v>22920</v>
      </c>
      <c r="AC29" s="16">
        <v>55178</v>
      </c>
      <c r="AD29" s="16">
        <v>4068</v>
      </c>
      <c r="AE29" s="16">
        <v>0</v>
      </c>
      <c r="AF29" s="16">
        <v>4068</v>
      </c>
      <c r="AG29" s="16">
        <v>0</v>
      </c>
      <c r="AH29" s="16">
        <v>18695</v>
      </c>
      <c r="AI29" s="16">
        <v>1231</v>
      </c>
      <c r="AJ29" s="16">
        <v>31184</v>
      </c>
      <c r="AK29" s="16">
        <v>6088</v>
      </c>
      <c r="AL29" s="16">
        <v>3094</v>
      </c>
      <c r="AM29" s="16">
        <v>2994</v>
      </c>
      <c r="AN29" s="16">
        <v>275279</v>
      </c>
      <c r="AO29" s="16">
        <v>0</v>
      </c>
      <c r="AP29" s="16">
        <v>25623</v>
      </c>
      <c r="AQ29" s="16">
        <v>81689</v>
      </c>
      <c r="AR29" s="16">
        <v>86396</v>
      </c>
      <c r="AS29" s="16">
        <v>0</v>
      </c>
      <c r="AT29" s="16">
        <v>638</v>
      </c>
      <c r="AU29" s="16">
        <v>0</v>
      </c>
      <c r="AV29" s="16">
        <v>0</v>
      </c>
      <c r="AW29" s="16">
        <v>2280</v>
      </c>
      <c r="AX29" s="16">
        <v>0</v>
      </c>
      <c r="AY29" s="16">
        <v>0</v>
      </c>
      <c r="AZ29" s="16">
        <v>2280</v>
      </c>
      <c r="BA29" s="16">
        <v>0</v>
      </c>
      <c r="BB29" s="16">
        <v>18104</v>
      </c>
      <c r="BC29" s="16">
        <v>0</v>
      </c>
      <c r="BD29" s="16">
        <v>0</v>
      </c>
      <c r="BE29" s="16">
        <v>26740</v>
      </c>
      <c r="BF29" s="16">
        <v>0</v>
      </c>
      <c r="BG29" s="16">
        <v>33809</v>
      </c>
      <c r="BH29" s="16">
        <v>0</v>
      </c>
      <c r="BI29" s="16">
        <v>243756</v>
      </c>
      <c r="BJ29" s="16">
        <v>113361</v>
      </c>
      <c r="BK29" s="16">
        <v>12653</v>
      </c>
      <c r="BL29" s="16">
        <v>40919</v>
      </c>
      <c r="BM29" s="16">
        <v>19713</v>
      </c>
      <c r="BN29" s="16">
        <v>0</v>
      </c>
      <c r="BO29" s="16">
        <v>0</v>
      </c>
      <c r="BP29" s="16">
        <v>7969</v>
      </c>
      <c r="BQ29" s="16">
        <v>0</v>
      </c>
      <c r="BR29" s="16">
        <v>0</v>
      </c>
      <c r="BS29" s="16">
        <v>7969</v>
      </c>
      <c r="BT29" s="16">
        <v>0</v>
      </c>
      <c r="BU29" s="16">
        <v>0</v>
      </c>
      <c r="BV29" s="16">
        <v>32107</v>
      </c>
      <c r="BW29" s="16">
        <v>130395</v>
      </c>
      <c r="BX29" s="16">
        <v>8108</v>
      </c>
      <c r="BY29" s="16">
        <v>0</v>
      </c>
      <c r="BZ29" s="16">
        <v>122287</v>
      </c>
      <c r="CA29" s="16">
        <v>1806</v>
      </c>
      <c r="CB29" s="16">
        <v>1224</v>
      </c>
      <c r="CC29" s="16">
        <v>582</v>
      </c>
      <c r="CD29" s="16">
        <v>542</v>
      </c>
      <c r="CE29" s="16">
        <v>0</v>
      </c>
      <c r="CF29" s="16">
        <v>40</v>
      </c>
      <c r="CG29" s="16">
        <v>43416</v>
      </c>
      <c r="CH29" s="16">
        <v>0</v>
      </c>
      <c r="CI29" s="16">
        <v>245825</v>
      </c>
      <c r="CJ29" s="16">
        <v>225225</v>
      </c>
      <c r="CK29" s="16">
        <v>20600</v>
      </c>
      <c r="CL29" s="16">
        <v>58783</v>
      </c>
      <c r="CM29" s="16">
        <v>85</v>
      </c>
      <c r="CN29" s="16">
        <v>30</v>
      </c>
      <c r="CO29" s="16">
        <v>0</v>
      </c>
      <c r="CP29" s="16">
        <v>14000</v>
      </c>
      <c r="CQ29" s="16">
        <v>0</v>
      </c>
      <c r="CR29" s="16">
        <v>0</v>
      </c>
      <c r="CS29" s="16">
        <v>0</v>
      </c>
      <c r="CT29" s="16">
        <v>0</v>
      </c>
      <c r="CU29" s="16">
        <v>44668</v>
      </c>
      <c r="CV29" s="16">
        <v>0</v>
      </c>
      <c r="CW29" s="16">
        <v>0</v>
      </c>
      <c r="CX29" s="16">
        <v>44668</v>
      </c>
      <c r="CY29" s="16">
        <v>105300</v>
      </c>
      <c r="CZ29" s="16">
        <v>4010613</v>
      </c>
    </row>
    <row r="30" spans="1:104" s="14" customFormat="1" ht="17.25" customHeight="1">
      <c r="A30" s="6" t="s">
        <v>127</v>
      </c>
      <c r="B30" s="16">
        <v>2728947</v>
      </c>
      <c r="C30" s="16">
        <v>44122</v>
      </c>
      <c r="D30" s="16">
        <v>12784</v>
      </c>
      <c r="E30" s="16">
        <v>0</v>
      </c>
      <c r="F30" s="16">
        <v>0</v>
      </c>
      <c r="G30" s="16">
        <v>0</v>
      </c>
      <c r="H30" s="16">
        <v>31338</v>
      </c>
      <c r="I30" s="16">
        <v>0</v>
      </c>
      <c r="J30" s="16">
        <v>2807</v>
      </c>
      <c r="K30" s="16">
        <v>13182</v>
      </c>
      <c r="L30" s="16">
        <v>14157</v>
      </c>
      <c r="M30" s="16">
        <v>0</v>
      </c>
      <c r="N30" s="16">
        <v>0</v>
      </c>
      <c r="O30" s="16">
        <v>281141</v>
      </c>
      <c r="P30" s="16">
        <v>0</v>
      </c>
      <c r="Q30" s="16">
        <v>0</v>
      </c>
      <c r="R30" s="16">
        <v>23866</v>
      </c>
      <c r="S30" s="16">
        <v>0</v>
      </c>
      <c r="T30" s="16">
        <v>14323</v>
      </c>
      <c r="U30" s="16">
        <v>497620</v>
      </c>
      <c r="V30" s="16">
        <v>452119</v>
      </c>
      <c r="W30" s="32">
        <v>45501</v>
      </c>
      <c r="X30" s="16">
        <v>0</v>
      </c>
      <c r="Y30" s="16">
        <v>3654</v>
      </c>
      <c r="Z30" s="16">
        <v>46720</v>
      </c>
      <c r="AA30" s="16">
        <v>9044</v>
      </c>
      <c r="AB30" s="16">
        <v>37676</v>
      </c>
      <c r="AC30" s="16">
        <v>76515</v>
      </c>
      <c r="AD30" s="16">
        <v>18904</v>
      </c>
      <c r="AE30" s="16">
        <v>0</v>
      </c>
      <c r="AF30" s="16">
        <v>18904</v>
      </c>
      <c r="AG30" s="16">
        <v>0</v>
      </c>
      <c r="AH30" s="16">
        <v>19200</v>
      </c>
      <c r="AI30" s="16">
        <v>8319</v>
      </c>
      <c r="AJ30" s="16">
        <v>30092</v>
      </c>
      <c r="AK30" s="16">
        <v>10267</v>
      </c>
      <c r="AL30" s="16">
        <v>3070</v>
      </c>
      <c r="AM30" s="16">
        <v>7197</v>
      </c>
      <c r="AN30" s="16">
        <v>602812</v>
      </c>
      <c r="AO30" s="16">
        <v>0</v>
      </c>
      <c r="AP30" s="16">
        <v>91524</v>
      </c>
      <c r="AQ30" s="16">
        <v>99648</v>
      </c>
      <c r="AR30" s="16">
        <v>189874</v>
      </c>
      <c r="AS30" s="16">
        <v>0</v>
      </c>
      <c r="AT30" s="16">
        <v>51895</v>
      </c>
      <c r="AU30" s="16">
        <v>0</v>
      </c>
      <c r="AV30" s="16">
        <v>0</v>
      </c>
      <c r="AW30" s="16">
        <v>3478</v>
      </c>
      <c r="AX30" s="16">
        <v>0</v>
      </c>
      <c r="AY30" s="16">
        <v>0</v>
      </c>
      <c r="AZ30" s="16">
        <v>3478</v>
      </c>
      <c r="BA30" s="16">
        <v>0</v>
      </c>
      <c r="BB30" s="16">
        <v>96913</v>
      </c>
      <c r="BC30" s="16">
        <v>0</v>
      </c>
      <c r="BD30" s="16">
        <v>0</v>
      </c>
      <c r="BE30" s="16">
        <v>10008</v>
      </c>
      <c r="BF30" s="16">
        <v>0</v>
      </c>
      <c r="BG30" s="16">
        <v>59472</v>
      </c>
      <c r="BH30" s="16">
        <v>0</v>
      </c>
      <c r="BI30" s="16">
        <v>340855</v>
      </c>
      <c r="BJ30" s="16">
        <v>163781</v>
      </c>
      <c r="BK30" s="16">
        <v>50963</v>
      </c>
      <c r="BL30" s="16">
        <v>46665</v>
      </c>
      <c r="BM30" s="16">
        <v>42856</v>
      </c>
      <c r="BN30" s="16">
        <v>0</v>
      </c>
      <c r="BO30" s="16">
        <v>0</v>
      </c>
      <c r="BP30" s="16">
        <v>8468</v>
      </c>
      <c r="BQ30" s="16">
        <v>0</v>
      </c>
      <c r="BR30" s="16">
        <v>0</v>
      </c>
      <c r="BS30" s="16">
        <v>8468</v>
      </c>
      <c r="BT30" s="16">
        <v>0</v>
      </c>
      <c r="BU30" s="16">
        <v>0</v>
      </c>
      <c r="BV30" s="16">
        <v>14829</v>
      </c>
      <c r="BW30" s="16">
        <v>177074</v>
      </c>
      <c r="BX30" s="16">
        <v>37217</v>
      </c>
      <c r="BY30" s="16">
        <v>0</v>
      </c>
      <c r="BZ30" s="16">
        <v>139857</v>
      </c>
      <c r="CA30" s="16">
        <v>13867</v>
      </c>
      <c r="CB30" s="16">
        <v>13789</v>
      </c>
      <c r="CC30" s="16">
        <v>78</v>
      </c>
      <c r="CD30" s="16">
        <v>0</v>
      </c>
      <c r="CE30" s="16">
        <v>0</v>
      </c>
      <c r="CF30" s="16">
        <v>78</v>
      </c>
      <c r="CG30" s="16">
        <v>77680</v>
      </c>
      <c r="CH30" s="16">
        <v>60022</v>
      </c>
      <c r="CI30" s="16">
        <v>365777</v>
      </c>
      <c r="CJ30" s="16">
        <v>305987</v>
      </c>
      <c r="CK30" s="16">
        <v>59790</v>
      </c>
      <c r="CL30" s="16">
        <v>69811</v>
      </c>
      <c r="CM30" s="16">
        <v>3899</v>
      </c>
      <c r="CN30" s="16">
        <v>46</v>
      </c>
      <c r="CO30" s="16">
        <v>0</v>
      </c>
      <c r="CP30" s="16">
        <v>12278</v>
      </c>
      <c r="CQ30" s="16">
        <v>0</v>
      </c>
      <c r="CR30" s="16">
        <v>0</v>
      </c>
      <c r="CS30" s="16">
        <v>0</v>
      </c>
      <c r="CT30" s="16">
        <v>0</v>
      </c>
      <c r="CU30" s="16">
        <v>53588</v>
      </c>
      <c r="CV30" s="16">
        <v>0</v>
      </c>
      <c r="CW30" s="16">
        <v>0</v>
      </c>
      <c r="CX30" s="16">
        <v>53588</v>
      </c>
      <c r="CY30" s="16">
        <v>388000</v>
      </c>
      <c r="CZ30" s="16">
        <v>5676145</v>
      </c>
    </row>
    <row r="31" spans="1:104" s="14" customFormat="1" ht="17.25" customHeight="1">
      <c r="A31" s="6" t="s">
        <v>128</v>
      </c>
      <c r="B31" s="16">
        <v>1639267</v>
      </c>
      <c r="C31" s="16">
        <v>26369</v>
      </c>
      <c r="D31" s="16">
        <v>7640</v>
      </c>
      <c r="E31" s="16">
        <v>0</v>
      </c>
      <c r="F31" s="16">
        <v>0</v>
      </c>
      <c r="G31" s="16">
        <v>0</v>
      </c>
      <c r="H31" s="16">
        <v>18729</v>
      </c>
      <c r="I31" s="16">
        <v>0</v>
      </c>
      <c r="J31" s="16">
        <v>1909</v>
      </c>
      <c r="K31" s="16">
        <v>8958</v>
      </c>
      <c r="L31" s="16">
        <v>9605</v>
      </c>
      <c r="M31" s="16">
        <v>0</v>
      </c>
      <c r="N31" s="16">
        <v>0</v>
      </c>
      <c r="O31" s="16">
        <v>181884</v>
      </c>
      <c r="P31" s="16">
        <v>52037</v>
      </c>
      <c r="Q31" s="16">
        <v>0</v>
      </c>
      <c r="R31" s="16">
        <v>14262</v>
      </c>
      <c r="S31" s="16">
        <v>0</v>
      </c>
      <c r="T31" s="16">
        <v>7360</v>
      </c>
      <c r="U31" s="16">
        <v>874287</v>
      </c>
      <c r="V31" s="16">
        <v>770789</v>
      </c>
      <c r="W31" s="32">
        <v>103485</v>
      </c>
      <c r="X31" s="16">
        <v>13</v>
      </c>
      <c r="Y31" s="16">
        <v>1891</v>
      </c>
      <c r="Z31" s="16">
        <v>58383</v>
      </c>
      <c r="AA31" s="16">
        <v>10953</v>
      </c>
      <c r="AB31" s="16">
        <v>47430</v>
      </c>
      <c r="AC31" s="16">
        <v>57914</v>
      </c>
      <c r="AD31" s="16">
        <v>7228</v>
      </c>
      <c r="AE31" s="16">
        <v>0</v>
      </c>
      <c r="AF31" s="16">
        <v>7228</v>
      </c>
      <c r="AG31" s="16">
        <v>0</v>
      </c>
      <c r="AH31" s="16">
        <v>0</v>
      </c>
      <c r="AI31" s="16">
        <v>5213</v>
      </c>
      <c r="AJ31" s="16">
        <v>45473</v>
      </c>
      <c r="AK31" s="16">
        <v>8493</v>
      </c>
      <c r="AL31" s="16">
        <v>2156</v>
      </c>
      <c r="AM31" s="16">
        <v>6337</v>
      </c>
      <c r="AN31" s="16">
        <v>484086</v>
      </c>
      <c r="AO31" s="16">
        <v>0</v>
      </c>
      <c r="AP31" s="16">
        <v>61091</v>
      </c>
      <c r="AQ31" s="16">
        <v>109329</v>
      </c>
      <c r="AR31" s="16">
        <v>92016</v>
      </c>
      <c r="AS31" s="16">
        <v>0</v>
      </c>
      <c r="AT31" s="16">
        <v>0</v>
      </c>
      <c r="AU31" s="16">
        <v>0</v>
      </c>
      <c r="AV31" s="16">
        <v>0</v>
      </c>
      <c r="AW31" s="16">
        <v>2634</v>
      </c>
      <c r="AX31" s="16">
        <v>0</v>
      </c>
      <c r="AY31" s="16">
        <v>0</v>
      </c>
      <c r="AZ31" s="16">
        <v>2634</v>
      </c>
      <c r="BA31" s="16">
        <v>0</v>
      </c>
      <c r="BB31" s="16">
        <v>27285</v>
      </c>
      <c r="BC31" s="16">
        <v>0</v>
      </c>
      <c r="BD31" s="16">
        <v>0</v>
      </c>
      <c r="BE31" s="16">
        <v>95519</v>
      </c>
      <c r="BF31" s="16">
        <v>0</v>
      </c>
      <c r="BG31" s="16">
        <v>96212</v>
      </c>
      <c r="BH31" s="16">
        <v>0</v>
      </c>
      <c r="BI31" s="16">
        <v>383826</v>
      </c>
      <c r="BJ31" s="16">
        <v>179026</v>
      </c>
      <c r="BK31" s="16">
        <v>29741</v>
      </c>
      <c r="BL31" s="16">
        <v>53704</v>
      </c>
      <c r="BM31" s="16">
        <v>19930</v>
      </c>
      <c r="BN31" s="16">
        <v>40365</v>
      </c>
      <c r="BO31" s="16">
        <v>0</v>
      </c>
      <c r="BP31" s="16">
        <v>8938</v>
      </c>
      <c r="BQ31" s="16">
        <v>0</v>
      </c>
      <c r="BR31" s="16">
        <v>0</v>
      </c>
      <c r="BS31" s="16">
        <v>8938</v>
      </c>
      <c r="BT31" s="16">
        <v>0</v>
      </c>
      <c r="BU31" s="16">
        <v>0</v>
      </c>
      <c r="BV31" s="16">
        <v>26348</v>
      </c>
      <c r="BW31" s="16">
        <v>204800</v>
      </c>
      <c r="BX31" s="16">
        <v>0</v>
      </c>
      <c r="BY31" s="16">
        <v>0</v>
      </c>
      <c r="BZ31" s="16">
        <v>204800</v>
      </c>
      <c r="CA31" s="16">
        <v>36483</v>
      </c>
      <c r="CB31" s="16">
        <v>36443</v>
      </c>
      <c r="CC31" s="16">
        <v>40</v>
      </c>
      <c r="CD31" s="16">
        <v>0</v>
      </c>
      <c r="CE31" s="16">
        <v>0</v>
      </c>
      <c r="CF31" s="16">
        <v>40</v>
      </c>
      <c r="CG31" s="16">
        <v>103870</v>
      </c>
      <c r="CH31" s="16">
        <v>20120</v>
      </c>
      <c r="CI31" s="16">
        <v>262175</v>
      </c>
      <c r="CJ31" s="16">
        <v>198564</v>
      </c>
      <c r="CK31" s="16">
        <v>63611</v>
      </c>
      <c r="CL31" s="16">
        <v>61632</v>
      </c>
      <c r="CM31" s="16">
        <v>1861</v>
      </c>
      <c r="CN31" s="16">
        <v>4</v>
      </c>
      <c r="CO31" s="16">
        <v>0</v>
      </c>
      <c r="CP31" s="16">
        <v>5000</v>
      </c>
      <c r="CQ31" s="16">
        <v>0</v>
      </c>
      <c r="CR31" s="16">
        <v>0</v>
      </c>
      <c r="CS31" s="16">
        <v>0</v>
      </c>
      <c r="CT31" s="16">
        <v>0</v>
      </c>
      <c r="CU31" s="16">
        <v>54767</v>
      </c>
      <c r="CV31" s="16">
        <v>10446</v>
      </c>
      <c r="CW31" s="16">
        <v>0</v>
      </c>
      <c r="CX31" s="16">
        <v>44321</v>
      </c>
      <c r="CY31" s="16">
        <v>306000</v>
      </c>
      <c r="CZ31" s="16">
        <v>4600811</v>
      </c>
    </row>
    <row r="32" spans="1:104" s="14" customFormat="1" ht="17.25" customHeight="1">
      <c r="A32" s="6" t="s">
        <v>129</v>
      </c>
      <c r="B32" s="16">
        <v>1719782</v>
      </c>
      <c r="C32" s="16">
        <v>32720</v>
      </c>
      <c r="D32" s="16">
        <v>9480</v>
      </c>
      <c r="E32" s="16">
        <v>0</v>
      </c>
      <c r="F32" s="16">
        <v>0</v>
      </c>
      <c r="G32" s="16">
        <v>0</v>
      </c>
      <c r="H32" s="16">
        <v>23240</v>
      </c>
      <c r="I32" s="16">
        <v>0</v>
      </c>
      <c r="J32" s="16">
        <v>1686</v>
      </c>
      <c r="K32" s="16">
        <v>7900</v>
      </c>
      <c r="L32" s="16">
        <v>8448</v>
      </c>
      <c r="M32" s="16">
        <v>0</v>
      </c>
      <c r="N32" s="16">
        <v>0</v>
      </c>
      <c r="O32" s="16">
        <v>186560</v>
      </c>
      <c r="P32" s="16">
        <v>13077</v>
      </c>
      <c r="Q32" s="16">
        <v>0</v>
      </c>
      <c r="R32" s="16">
        <v>17695</v>
      </c>
      <c r="S32" s="16">
        <v>0</v>
      </c>
      <c r="T32" s="16">
        <v>4091</v>
      </c>
      <c r="U32" s="16">
        <v>1185180</v>
      </c>
      <c r="V32" s="16">
        <v>1041088</v>
      </c>
      <c r="W32" s="32">
        <v>144092</v>
      </c>
      <c r="X32" s="16">
        <v>0</v>
      </c>
      <c r="Y32" s="16">
        <v>1967</v>
      </c>
      <c r="Z32" s="16">
        <v>36453</v>
      </c>
      <c r="AA32" s="16">
        <v>34425</v>
      </c>
      <c r="AB32" s="16">
        <v>2028</v>
      </c>
      <c r="AC32" s="16">
        <v>159552</v>
      </c>
      <c r="AD32" s="16">
        <v>5590</v>
      </c>
      <c r="AE32" s="16">
        <v>0</v>
      </c>
      <c r="AF32" s="16">
        <v>5590</v>
      </c>
      <c r="AG32" s="16">
        <v>0</v>
      </c>
      <c r="AH32" s="16">
        <v>30108</v>
      </c>
      <c r="AI32" s="16">
        <v>61572</v>
      </c>
      <c r="AJ32" s="16">
        <v>62282</v>
      </c>
      <c r="AK32" s="16">
        <v>11582</v>
      </c>
      <c r="AL32" s="16">
        <v>3802</v>
      </c>
      <c r="AM32" s="16">
        <v>7780</v>
      </c>
      <c r="AN32" s="16">
        <v>327025</v>
      </c>
      <c r="AO32" s="16">
        <v>0</v>
      </c>
      <c r="AP32" s="16">
        <v>10853</v>
      </c>
      <c r="AQ32" s="16">
        <v>123768</v>
      </c>
      <c r="AR32" s="16">
        <v>82254</v>
      </c>
      <c r="AS32" s="16">
        <v>0</v>
      </c>
      <c r="AT32" s="16">
        <v>11281</v>
      </c>
      <c r="AU32" s="16">
        <v>0</v>
      </c>
      <c r="AV32" s="16">
        <v>0</v>
      </c>
      <c r="AW32" s="16">
        <v>2519</v>
      </c>
      <c r="AX32" s="16">
        <v>0</v>
      </c>
      <c r="AY32" s="16">
        <v>0</v>
      </c>
      <c r="AZ32" s="16">
        <v>2519</v>
      </c>
      <c r="BA32" s="16">
        <v>0</v>
      </c>
      <c r="BB32" s="16">
        <v>39058</v>
      </c>
      <c r="BC32" s="16">
        <v>0</v>
      </c>
      <c r="BD32" s="16">
        <v>0</v>
      </c>
      <c r="BE32" s="16">
        <v>0</v>
      </c>
      <c r="BF32" s="16">
        <v>0</v>
      </c>
      <c r="BG32" s="16">
        <v>57292</v>
      </c>
      <c r="BH32" s="16">
        <v>0</v>
      </c>
      <c r="BI32" s="16">
        <v>329472</v>
      </c>
      <c r="BJ32" s="16">
        <v>125479</v>
      </c>
      <c r="BK32" s="16">
        <v>5353</v>
      </c>
      <c r="BL32" s="16">
        <v>61288</v>
      </c>
      <c r="BM32" s="16">
        <v>18346</v>
      </c>
      <c r="BN32" s="16">
        <v>221</v>
      </c>
      <c r="BO32" s="16">
        <v>0</v>
      </c>
      <c r="BP32" s="16">
        <v>10284</v>
      </c>
      <c r="BQ32" s="16">
        <v>0</v>
      </c>
      <c r="BR32" s="16">
        <v>0</v>
      </c>
      <c r="BS32" s="16">
        <v>10284</v>
      </c>
      <c r="BT32" s="16">
        <v>11190</v>
      </c>
      <c r="BU32" s="16">
        <v>0</v>
      </c>
      <c r="BV32" s="16">
        <v>18797</v>
      </c>
      <c r="BW32" s="16">
        <v>203993</v>
      </c>
      <c r="BX32" s="16">
        <v>5712</v>
      </c>
      <c r="BY32" s="16">
        <v>0</v>
      </c>
      <c r="BZ32" s="16">
        <v>198281</v>
      </c>
      <c r="CA32" s="16">
        <v>25989</v>
      </c>
      <c r="CB32" s="16">
        <v>25829</v>
      </c>
      <c r="CC32" s="16">
        <v>160</v>
      </c>
      <c r="CD32" s="16">
        <v>0</v>
      </c>
      <c r="CE32" s="16">
        <v>0</v>
      </c>
      <c r="CF32" s="16">
        <v>160</v>
      </c>
      <c r="CG32" s="16">
        <v>690140</v>
      </c>
      <c r="CH32" s="16">
        <v>35094</v>
      </c>
      <c r="CI32" s="16">
        <v>188088</v>
      </c>
      <c r="CJ32" s="16">
        <v>174077</v>
      </c>
      <c r="CK32" s="16">
        <v>14011</v>
      </c>
      <c r="CL32" s="16">
        <v>73094</v>
      </c>
      <c r="CM32" s="16">
        <v>1518</v>
      </c>
      <c r="CN32" s="16">
        <v>1</v>
      </c>
      <c r="CO32" s="16">
        <v>0</v>
      </c>
      <c r="CP32" s="16">
        <v>3138</v>
      </c>
      <c r="CQ32" s="16">
        <v>0</v>
      </c>
      <c r="CR32" s="16">
        <v>0</v>
      </c>
      <c r="CS32" s="16">
        <v>0</v>
      </c>
      <c r="CT32" s="16">
        <v>0</v>
      </c>
      <c r="CU32" s="16">
        <v>68437</v>
      </c>
      <c r="CV32" s="16">
        <v>0</v>
      </c>
      <c r="CW32" s="16">
        <v>0</v>
      </c>
      <c r="CX32" s="16">
        <v>68437</v>
      </c>
      <c r="CY32" s="16">
        <v>317024</v>
      </c>
      <c r="CZ32" s="16">
        <v>5372619</v>
      </c>
    </row>
    <row r="33" spans="1:104" s="14" customFormat="1" ht="17.25" customHeight="1">
      <c r="A33" s="6" t="s">
        <v>130</v>
      </c>
      <c r="B33" s="16">
        <v>3215187</v>
      </c>
      <c r="C33" s="16">
        <v>37530</v>
      </c>
      <c r="D33" s="16">
        <v>10874</v>
      </c>
      <c r="E33" s="16">
        <v>0</v>
      </c>
      <c r="F33" s="16">
        <v>0</v>
      </c>
      <c r="G33" s="16">
        <v>0</v>
      </c>
      <c r="H33" s="16">
        <v>26656</v>
      </c>
      <c r="I33" s="16">
        <v>0</v>
      </c>
      <c r="J33" s="16">
        <v>3072</v>
      </c>
      <c r="K33" s="16">
        <v>14461</v>
      </c>
      <c r="L33" s="16">
        <v>15586</v>
      </c>
      <c r="M33" s="16">
        <v>0</v>
      </c>
      <c r="N33" s="16">
        <v>0</v>
      </c>
      <c r="O33" s="16">
        <v>287053</v>
      </c>
      <c r="P33" s="16">
        <v>0</v>
      </c>
      <c r="Q33" s="16">
        <v>0</v>
      </c>
      <c r="R33" s="16">
        <v>20297</v>
      </c>
      <c r="S33" s="16">
        <v>0</v>
      </c>
      <c r="T33" s="16">
        <v>16722</v>
      </c>
      <c r="U33" s="16">
        <v>290779</v>
      </c>
      <c r="V33" s="16">
        <v>250905</v>
      </c>
      <c r="W33" s="32">
        <v>39874</v>
      </c>
      <c r="X33" s="16">
        <v>0</v>
      </c>
      <c r="Y33" s="16">
        <v>2284</v>
      </c>
      <c r="Z33" s="16">
        <v>139734</v>
      </c>
      <c r="AA33" s="16">
        <v>6386</v>
      </c>
      <c r="AB33" s="16">
        <v>133348</v>
      </c>
      <c r="AC33" s="16">
        <v>25659</v>
      </c>
      <c r="AD33" s="16">
        <v>11137</v>
      </c>
      <c r="AE33" s="16">
        <v>0</v>
      </c>
      <c r="AF33" s="16">
        <v>11137</v>
      </c>
      <c r="AG33" s="16">
        <v>0</v>
      </c>
      <c r="AH33" s="16">
        <v>0</v>
      </c>
      <c r="AI33" s="16">
        <v>8475</v>
      </c>
      <c r="AJ33" s="16">
        <v>6047</v>
      </c>
      <c r="AK33" s="16">
        <v>13879</v>
      </c>
      <c r="AL33" s="16">
        <v>1861</v>
      </c>
      <c r="AM33" s="16">
        <v>12018</v>
      </c>
      <c r="AN33" s="16">
        <v>605281</v>
      </c>
      <c r="AO33" s="16">
        <v>0</v>
      </c>
      <c r="AP33" s="16">
        <v>148086</v>
      </c>
      <c r="AQ33" s="16">
        <v>125031</v>
      </c>
      <c r="AR33" s="16">
        <v>217780</v>
      </c>
      <c r="AS33" s="16">
        <v>0</v>
      </c>
      <c r="AT33" s="16">
        <v>26349</v>
      </c>
      <c r="AU33" s="16">
        <v>0</v>
      </c>
      <c r="AV33" s="16">
        <v>0</v>
      </c>
      <c r="AW33" s="16">
        <v>4613</v>
      </c>
      <c r="AX33" s="16">
        <v>0</v>
      </c>
      <c r="AY33" s="16">
        <v>0</v>
      </c>
      <c r="AZ33" s="16">
        <v>4613</v>
      </c>
      <c r="BA33" s="16">
        <v>0</v>
      </c>
      <c r="BB33" s="16">
        <v>16939</v>
      </c>
      <c r="BC33" s="16">
        <v>0</v>
      </c>
      <c r="BD33" s="16">
        <v>0</v>
      </c>
      <c r="BE33" s="16">
        <v>14894</v>
      </c>
      <c r="BF33" s="16">
        <v>0</v>
      </c>
      <c r="BG33" s="16">
        <v>51589</v>
      </c>
      <c r="BH33" s="16">
        <v>0</v>
      </c>
      <c r="BI33" s="16">
        <v>361688</v>
      </c>
      <c r="BJ33" s="16">
        <v>217882</v>
      </c>
      <c r="BK33" s="16">
        <v>72914</v>
      </c>
      <c r="BL33" s="16">
        <v>62207</v>
      </c>
      <c r="BM33" s="16">
        <v>47520</v>
      </c>
      <c r="BN33" s="16">
        <v>0</v>
      </c>
      <c r="BO33" s="16">
        <v>0</v>
      </c>
      <c r="BP33" s="16">
        <v>7183</v>
      </c>
      <c r="BQ33" s="16">
        <v>0</v>
      </c>
      <c r="BR33" s="16">
        <v>0</v>
      </c>
      <c r="BS33" s="16">
        <v>7183</v>
      </c>
      <c r="BT33" s="16">
        <v>0</v>
      </c>
      <c r="BU33" s="16">
        <v>0</v>
      </c>
      <c r="BV33" s="16">
        <v>28058</v>
      </c>
      <c r="BW33" s="16">
        <v>143806</v>
      </c>
      <c r="BX33" s="16">
        <v>0</v>
      </c>
      <c r="BY33" s="16">
        <v>0</v>
      </c>
      <c r="BZ33" s="16">
        <v>143806</v>
      </c>
      <c r="CA33" s="16">
        <v>1499</v>
      </c>
      <c r="CB33" s="16">
        <v>1496</v>
      </c>
      <c r="CC33" s="16">
        <v>3</v>
      </c>
      <c r="CD33" s="16">
        <v>0</v>
      </c>
      <c r="CE33" s="16">
        <v>0</v>
      </c>
      <c r="CF33" s="16">
        <v>3</v>
      </c>
      <c r="CG33" s="16">
        <v>134908</v>
      </c>
      <c r="CH33" s="16">
        <v>6947</v>
      </c>
      <c r="CI33" s="16">
        <v>286354</v>
      </c>
      <c r="CJ33" s="16">
        <v>227713</v>
      </c>
      <c r="CK33" s="16">
        <v>58641</v>
      </c>
      <c r="CL33" s="16">
        <v>137971</v>
      </c>
      <c r="CM33" s="16">
        <v>833</v>
      </c>
      <c r="CN33" s="16">
        <v>3</v>
      </c>
      <c r="CO33" s="16">
        <v>0</v>
      </c>
      <c r="CP33" s="16">
        <v>6935</v>
      </c>
      <c r="CQ33" s="16">
        <v>2138</v>
      </c>
      <c r="CR33" s="16">
        <v>2138</v>
      </c>
      <c r="CS33" s="16">
        <v>0</v>
      </c>
      <c r="CT33" s="16">
        <v>0</v>
      </c>
      <c r="CU33" s="16">
        <v>128062</v>
      </c>
      <c r="CV33" s="16">
        <v>4217</v>
      </c>
      <c r="CW33" s="16">
        <v>0</v>
      </c>
      <c r="CX33" s="16">
        <v>123845</v>
      </c>
      <c r="CY33" s="16">
        <v>312400</v>
      </c>
      <c r="CZ33" s="16">
        <v>5929291</v>
      </c>
    </row>
    <row r="34" spans="1:104" s="14" customFormat="1" ht="17.25" customHeight="1">
      <c r="A34" s="6" t="s">
        <v>131</v>
      </c>
      <c r="B34" s="16">
        <v>6483200</v>
      </c>
      <c r="C34" s="16">
        <v>39610</v>
      </c>
      <c r="D34" s="16">
        <v>11476</v>
      </c>
      <c r="E34" s="16">
        <v>0</v>
      </c>
      <c r="F34" s="16">
        <v>0</v>
      </c>
      <c r="G34" s="16">
        <v>0</v>
      </c>
      <c r="H34" s="16">
        <v>28134</v>
      </c>
      <c r="I34" s="16">
        <v>0</v>
      </c>
      <c r="J34" s="16">
        <v>2184</v>
      </c>
      <c r="K34" s="16">
        <v>10229</v>
      </c>
      <c r="L34" s="16">
        <v>10945</v>
      </c>
      <c r="M34" s="16">
        <v>0</v>
      </c>
      <c r="N34" s="16">
        <v>0</v>
      </c>
      <c r="O34" s="16">
        <v>313816</v>
      </c>
      <c r="P34" s="16">
        <v>104475</v>
      </c>
      <c r="Q34" s="16">
        <v>0</v>
      </c>
      <c r="R34" s="16">
        <v>21400</v>
      </c>
      <c r="S34" s="16">
        <v>0</v>
      </c>
      <c r="T34" s="16">
        <v>1979</v>
      </c>
      <c r="U34" s="16">
        <v>60489</v>
      </c>
      <c r="V34" s="16">
        <v>0</v>
      </c>
      <c r="W34" s="32">
        <v>60489</v>
      </c>
      <c r="X34" s="16">
        <v>0</v>
      </c>
      <c r="Y34" s="16">
        <v>3020</v>
      </c>
      <c r="Z34" s="16">
        <v>38987</v>
      </c>
      <c r="AA34" s="16">
        <v>21978</v>
      </c>
      <c r="AB34" s="16">
        <v>17009</v>
      </c>
      <c r="AC34" s="16">
        <v>285453</v>
      </c>
      <c r="AD34" s="16">
        <v>7753</v>
      </c>
      <c r="AE34" s="16">
        <v>0</v>
      </c>
      <c r="AF34" s="16">
        <v>7753</v>
      </c>
      <c r="AG34" s="16">
        <v>0</v>
      </c>
      <c r="AH34" s="16">
        <v>16972</v>
      </c>
      <c r="AI34" s="16">
        <v>34506</v>
      </c>
      <c r="AJ34" s="16">
        <v>226222</v>
      </c>
      <c r="AK34" s="16">
        <v>126183</v>
      </c>
      <c r="AL34" s="16">
        <v>2473</v>
      </c>
      <c r="AM34" s="16">
        <v>123710</v>
      </c>
      <c r="AN34" s="16">
        <v>321904</v>
      </c>
      <c r="AO34" s="16">
        <v>0</v>
      </c>
      <c r="AP34" s="16">
        <v>3695</v>
      </c>
      <c r="AQ34" s="16">
        <v>98282</v>
      </c>
      <c r="AR34" s="16">
        <v>83596</v>
      </c>
      <c r="AS34" s="16">
        <v>0</v>
      </c>
      <c r="AT34" s="16">
        <v>110</v>
      </c>
      <c r="AU34" s="16">
        <v>0</v>
      </c>
      <c r="AV34" s="16">
        <v>0</v>
      </c>
      <c r="AW34" s="16">
        <v>2833</v>
      </c>
      <c r="AX34" s="16">
        <v>0</v>
      </c>
      <c r="AY34" s="16">
        <v>0</v>
      </c>
      <c r="AZ34" s="16">
        <v>2833</v>
      </c>
      <c r="BA34" s="16">
        <v>0</v>
      </c>
      <c r="BB34" s="16">
        <v>32185</v>
      </c>
      <c r="BC34" s="16">
        <v>0</v>
      </c>
      <c r="BD34" s="16">
        <v>0</v>
      </c>
      <c r="BE34" s="16">
        <v>21820</v>
      </c>
      <c r="BF34" s="16">
        <v>0</v>
      </c>
      <c r="BG34" s="16">
        <v>79383</v>
      </c>
      <c r="BH34" s="16">
        <v>0</v>
      </c>
      <c r="BI34" s="16">
        <v>410950</v>
      </c>
      <c r="BJ34" s="16">
        <v>104904</v>
      </c>
      <c r="BK34" s="16">
        <v>1683</v>
      </c>
      <c r="BL34" s="16">
        <v>49736</v>
      </c>
      <c r="BM34" s="16">
        <v>18587</v>
      </c>
      <c r="BN34" s="16">
        <v>110</v>
      </c>
      <c r="BO34" s="16">
        <v>0</v>
      </c>
      <c r="BP34" s="16">
        <v>14109</v>
      </c>
      <c r="BQ34" s="16">
        <v>0</v>
      </c>
      <c r="BR34" s="16">
        <v>0</v>
      </c>
      <c r="BS34" s="16">
        <v>14109</v>
      </c>
      <c r="BT34" s="16">
        <v>4400</v>
      </c>
      <c r="BU34" s="16">
        <v>0</v>
      </c>
      <c r="BV34" s="16">
        <v>16279</v>
      </c>
      <c r="BW34" s="16">
        <v>306046</v>
      </c>
      <c r="BX34" s="16">
        <v>0</v>
      </c>
      <c r="BY34" s="16">
        <v>0</v>
      </c>
      <c r="BZ34" s="16">
        <v>306046</v>
      </c>
      <c r="CA34" s="16">
        <v>26747</v>
      </c>
      <c r="CB34" s="16">
        <v>22549</v>
      </c>
      <c r="CC34" s="16">
        <v>4198</v>
      </c>
      <c r="CD34" s="16">
        <v>0</v>
      </c>
      <c r="CE34" s="16">
        <v>2844</v>
      </c>
      <c r="CF34" s="16">
        <v>1354</v>
      </c>
      <c r="CG34" s="16">
        <v>614700</v>
      </c>
      <c r="CH34" s="16">
        <v>137062</v>
      </c>
      <c r="CI34" s="16">
        <v>474904</v>
      </c>
      <c r="CJ34" s="16">
        <v>434720</v>
      </c>
      <c r="CK34" s="16">
        <v>40184</v>
      </c>
      <c r="CL34" s="16">
        <v>98531</v>
      </c>
      <c r="CM34" s="16">
        <v>13297</v>
      </c>
      <c r="CN34" s="16">
        <v>152</v>
      </c>
      <c r="CO34" s="16">
        <v>0</v>
      </c>
      <c r="CP34" s="16">
        <v>27244</v>
      </c>
      <c r="CQ34" s="16">
        <v>0</v>
      </c>
      <c r="CR34" s="16">
        <v>0</v>
      </c>
      <c r="CS34" s="16">
        <v>0</v>
      </c>
      <c r="CT34" s="16">
        <v>0</v>
      </c>
      <c r="CU34" s="16">
        <v>57838</v>
      </c>
      <c r="CV34" s="16">
        <v>0</v>
      </c>
      <c r="CW34" s="16">
        <v>0</v>
      </c>
      <c r="CX34" s="16">
        <v>57838</v>
      </c>
      <c r="CY34" s="16">
        <v>782900</v>
      </c>
      <c r="CZ34" s="16">
        <v>10369668</v>
      </c>
    </row>
    <row r="35" spans="1:104" s="14" customFormat="1" ht="17.25" customHeight="1">
      <c r="A35" s="6" t="s">
        <v>132</v>
      </c>
      <c r="B35" s="16">
        <v>922359</v>
      </c>
      <c r="C35" s="16">
        <v>18939</v>
      </c>
      <c r="D35" s="16">
        <v>5487</v>
      </c>
      <c r="E35" s="16">
        <v>0</v>
      </c>
      <c r="F35" s="16">
        <v>0</v>
      </c>
      <c r="G35" s="16">
        <v>0</v>
      </c>
      <c r="H35" s="16">
        <v>13452</v>
      </c>
      <c r="I35" s="16">
        <v>0</v>
      </c>
      <c r="J35" s="16">
        <v>1089</v>
      </c>
      <c r="K35" s="16">
        <v>5115</v>
      </c>
      <c r="L35" s="16">
        <v>5486</v>
      </c>
      <c r="M35" s="16">
        <v>0</v>
      </c>
      <c r="N35" s="16">
        <v>0</v>
      </c>
      <c r="O35" s="16">
        <v>108297</v>
      </c>
      <c r="P35" s="16">
        <v>0</v>
      </c>
      <c r="Q35" s="16">
        <v>0</v>
      </c>
      <c r="R35" s="16">
        <v>10217</v>
      </c>
      <c r="S35" s="16">
        <v>0</v>
      </c>
      <c r="T35" s="16">
        <v>2030</v>
      </c>
      <c r="U35" s="16">
        <v>1111507</v>
      </c>
      <c r="V35" s="16">
        <v>916631</v>
      </c>
      <c r="W35" s="32">
        <v>194876</v>
      </c>
      <c r="X35" s="16">
        <v>0</v>
      </c>
      <c r="Y35" s="16">
        <v>883</v>
      </c>
      <c r="Z35" s="16">
        <v>55676</v>
      </c>
      <c r="AA35" s="16">
        <v>33964</v>
      </c>
      <c r="AB35" s="16">
        <v>21712</v>
      </c>
      <c r="AC35" s="16">
        <v>37768</v>
      </c>
      <c r="AD35" s="16">
        <v>2464</v>
      </c>
      <c r="AE35" s="16">
        <v>0</v>
      </c>
      <c r="AF35" s="16">
        <v>2464</v>
      </c>
      <c r="AG35" s="16">
        <v>0</v>
      </c>
      <c r="AH35" s="16">
        <v>0</v>
      </c>
      <c r="AI35" s="16">
        <v>7212</v>
      </c>
      <c r="AJ35" s="16">
        <v>28092</v>
      </c>
      <c r="AK35" s="16">
        <v>5653</v>
      </c>
      <c r="AL35" s="16">
        <v>1654</v>
      </c>
      <c r="AM35" s="16">
        <v>3999</v>
      </c>
      <c r="AN35" s="16">
        <v>251388</v>
      </c>
      <c r="AO35" s="16">
        <v>0</v>
      </c>
      <c r="AP35" s="16">
        <v>46404</v>
      </c>
      <c r="AQ35" s="16">
        <v>74283</v>
      </c>
      <c r="AR35" s="16">
        <v>50741</v>
      </c>
      <c r="AS35" s="16">
        <v>0</v>
      </c>
      <c r="AT35" s="16">
        <v>111</v>
      </c>
      <c r="AU35" s="16">
        <v>0</v>
      </c>
      <c r="AV35" s="16">
        <v>0</v>
      </c>
      <c r="AW35" s="16">
        <v>2480</v>
      </c>
      <c r="AX35" s="16">
        <v>0</v>
      </c>
      <c r="AY35" s="16">
        <v>0</v>
      </c>
      <c r="AZ35" s="16">
        <v>2480</v>
      </c>
      <c r="BA35" s="16">
        <v>0</v>
      </c>
      <c r="BB35" s="16">
        <v>14899</v>
      </c>
      <c r="BC35" s="16">
        <v>0</v>
      </c>
      <c r="BD35" s="16">
        <v>0</v>
      </c>
      <c r="BE35" s="16">
        <v>12299</v>
      </c>
      <c r="BF35" s="16">
        <v>0</v>
      </c>
      <c r="BG35" s="16">
        <v>50171</v>
      </c>
      <c r="BH35" s="16">
        <v>0</v>
      </c>
      <c r="BI35" s="16">
        <v>232289</v>
      </c>
      <c r="BJ35" s="16">
        <v>99774</v>
      </c>
      <c r="BK35" s="16">
        <v>23158</v>
      </c>
      <c r="BL35" s="16">
        <v>37511</v>
      </c>
      <c r="BM35" s="16">
        <v>11480</v>
      </c>
      <c r="BN35" s="16">
        <v>0</v>
      </c>
      <c r="BO35" s="16">
        <v>0</v>
      </c>
      <c r="BP35" s="16">
        <v>8281</v>
      </c>
      <c r="BQ35" s="16">
        <v>0</v>
      </c>
      <c r="BR35" s="16">
        <v>0</v>
      </c>
      <c r="BS35" s="16">
        <v>8281</v>
      </c>
      <c r="BT35" s="16">
        <v>0</v>
      </c>
      <c r="BU35" s="16">
        <v>0</v>
      </c>
      <c r="BV35" s="16">
        <v>19344</v>
      </c>
      <c r="BW35" s="16">
        <v>132515</v>
      </c>
      <c r="BX35" s="16">
        <v>0</v>
      </c>
      <c r="BY35" s="16">
        <v>0</v>
      </c>
      <c r="BZ35" s="16">
        <v>132515</v>
      </c>
      <c r="CA35" s="16">
        <v>61074</v>
      </c>
      <c r="CB35" s="16">
        <v>59379</v>
      </c>
      <c r="CC35" s="16">
        <v>1695</v>
      </c>
      <c r="CD35" s="16">
        <v>0</v>
      </c>
      <c r="CE35" s="16">
        <v>0</v>
      </c>
      <c r="CF35" s="16">
        <v>1695</v>
      </c>
      <c r="CG35" s="16">
        <v>11013</v>
      </c>
      <c r="CH35" s="16">
        <v>40600</v>
      </c>
      <c r="CI35" s="16">
        <v>250050</v>
      </c>
      <c r="CJ35" s="16">
        <v>250026</v>
      </c>
      <c r="CK35" s="16">
        <v>24</v>
      </c>
      <c r="CL35" s="16">
        <v>46108</v>
      </c>
      <c r="CM35" s="16">
        <v>1643</v>
      </c>
      <c r="CN35" s="16">
        <v>317</v>
      </c>
      <c r="CO35" s="16">
        <v>10051</v>
      </c>
      <c r="CP35" s="16">
        <v>0</v>
      </c>
      <c r="CQ35" s="16">
        <v>0</v>
      </c>
      <c r="CR35" s="16">
        <v>0</v>
      </c>
      <c r="CS35" s="16">
        <v>0</v>
      </c>
      <c r="CT35" s="16">
        <v>0</v>
      </c>
      <c r="CU35" s="16">
        <v>34097</v>
      </c>
      <c r="CV35" s="16">
        <v>0</v>
      </c>
      <c r="CW35" s="16">
        <v>0</v>
      </c>
      <c r="CX35" s="16">
        <v>34097</v>
      </c>
      <c r="CY35" s="16">
        <v>384182</v>
      </c>
      <c r="CZ35" s="16">
        <v>3561723</v>
      </c>
    </row>
    <row r="36" spans="1:104" s="14" customFormat="1" ht="17.25" customHeight="1">
      <c r="A36" s="6" t="s">
        <v>133</v>
      </c>
      <c r="B36" s="16">
        <v>3693996</v>
      </c>
      <c r="C36" s="16">
        <v>61104</v>
      </c>
      <c r="D36" s="16">
        <v>17705</v>
      </c>
      <c r="E36" s="16">
        <v>0</v>
      </c>
      <c r="F36" s="16">
        <v>0</v>
      </c>
      <c r="G36" s="16">
        <v>0</v>
      </c>
      <c r="H36" s="16">
        <v>43399</v>
      </c>
      <c r="I36" s="16">
        <v>0</v>
      </c>
      <c r="J36" s="16">
        <v>3760</v>
      </c>
      <c r="K36" s="16">
        <v>17694</v>
      </c>
      <c r="L36" s="16">
        <v>19069</v>
      </c>
      <c r="M36" s="16">
        <v>0</v>
      </c>
      <c r="N36" s="16">
        <v>0</v>
      </c>
      <c r="O36" s="16">
        <v>404891</v>
      </c>
      <c r="P36" s="16">
        <v>7081</v>
      </c>
      <c r="Q36" s="16">
        <v>0</v>
      </c>
      <c r="R36" s="16">
        <v>33020</v>
      </c>
      <c r="S36" s="16">
        <v>0</v>
      </c>
      <c r="T36" s="16">
        <v>9176</v>
      </c>
      <c r="U36" s="16">
        <v>1451171</v>
      </c>
      <c r="V36" s="16">
        <v>1201592</v>
      </c>
      <c r="W36" s="32">
        <v>249579</v>
      </c>
      <c r="X36" s="16">
        <v>0</v>
      </c>
      <c r="Y36" s="16">
        <v>3399</v>
      </c>
      <c r="Z36" s="16">
        <v>253238</v>
      </c>
      <c r="AA36" s="16">
        <v>240245</v>
      </c>
      <c r="AB36" s="16">
        <v>12993</v>
      </c>
      <c r="AC36" s="16">
        <v>183776</v>
      </c>
      <c r="AD36" s="16">
        <v>1374</v>
      </c>
      <c r="AE36" s="16">
        <v>0</v>
      </c>
      <c r="AF36" s="16">
        <v>1374</v>
      </c>
      <c r="AG36" s="16">
        <v>0</v>
      </c>
      <c r="AH36" s="16">
        <v>71505</v>
      </c>
      <c r="AI36" s="16">
        <v>8106</v>
      </c>
      <c r="AJ36" s="16">
        <v>102791</v>
      </c>
      <c r="AK36" s="16">
        <v>17253</v>
      </c>
      <c r="AL36" s="16">
        <v>4065</v>
      </c>
      <c r="AM36" s="16">
        <v>13188</v>
      </c>
      <c r="AN36" s="16">
        <v>870446</v>
      </c>
      <c r="AO36" s="16">
        <v>0</v>
      </c>
      <c r="AP36" s="16">
        <v>30389</v>
      </c>
      <c r="AQ36" s="16">
        <v>222407</v>
      </c>
      <c r="AR36" s="16">
        <v>192561</v>
      </c>
      <c r="AS36" s="16">
        <v>0</v>
      </c>
      <c r="AT36" s="16">
        <v>0</v>
      </c>
      <c r="AU36" s="16">
        <v>0</v>
      </c>
      <c r="AV36" s="16">
        <v>0</v>
      </c>
      <c r="AW36" s="16">
        <v>6282</v>
      </c>
      <c r="AX36" s="16">
        <v>0</v>
      </c>
      <c r="AY36" s="16">
        <v>0</v>
      </c>
      <c r="AZ36" s="16">
        <v>6282</v>
      </c>
      <c r="BA36" s="16">
        <v>0</v>
      </c>
      <c r="BB36" s="16">
        <v>116064</v>
      </c>
      <c r="BC36" s="16">
        <v>0</v>
      </c>
      <c r="BD36" s="16">
        <v>0</v>
      </c>
      <c r="BE36" s="16">
        <v>153082</v>
      </c>
      <c r="BF36" s="16">
        <v>0</v>
      </c>
      <c r="BG36" s="16">
        <v>149661</v>
      </c>
      <c r="BH36" s="16">
        <v>0</v>
      </c>
      <c r="BI36" s="16">
        <v>571518</v>
      </c>
      <c r="BJ36" s="16">
        <v>225962</v>
      </c>
      <c r="BK36" s="16">
        <v>15895</v>
      </c>
      <c r="BL36" s="16">
        <v>109538</v>
      </c>
      <c r="BM36" s="16">
        <v>44276</v>
      </c>
      <c r="BN36" s="16">
        <v>0</v>
      </c>
      <c r="BO36" s="16">
        <v>0</v>
      </c>
      <c r="BP36" s="16">
        <v>13593</v>
      </c>
      <c r="BQ36" s="16">
        <v>0</v>
      </c>
      <c r="BR36" s="16">
        <v>0</v>
      </c>
      <c r="BS36" s="16">
        <v>13593</v>
      </c>
      <c r="BT36" s="16">
        <v>0</v>
      </c>
      <c r="BU36" s="16">
        <v>0</v>
      </c>
      <c r="BV36" s="16">
        <v>42660</v>
      </c>
      <c r="BW36" s="16">
        <v>345556</v>
      </c>
      <c r="BX36" s="16">
        <v>151</v>
      </c>
      <c r="BY36" s="16">
        <v>0</v>
      </c>
      <c r="BZ36" s="16">
        <v>345405</v>
      </c>
      <c r="CA36" s="16">
        <v>43751</v>
      </c>
      <c r="CB36" s="16">
        <v>41619</v>
      </c>
      <c r="CC36" s="16">
        <v>2132</v>
      </c>
      <c r="CD36" s="16">
        <v>601</v>
      </c>
      <c r="CE36" s="16">
        <v>0</v>
      </c>
      <c r="CF36" s="16">
        <v>1531</v>
      </c>
      <c r="CG36" s="16">
        <v>509768</v>
      </c>
      <c r="CH36" s="16">
        <v>639662</v>
      </c>
      <c r="CI36" s="16">
        <v>497485</v>
      </c>
      <c r="CJ36" s="16">
        <v>415273</v>
      </c>
      <c r="CK36" s="16">
        <v>82212</v>
      </c>
      <c r="CL36" s="16">
        <v>138533</v>
      </c>
      <c r="CM36" s="16">
        <v>17027</v>
      </c>
      <c r="CN36" s="16">
        <v>0</v>
      </c>
      <c r="CO36" s="16">
        <v>0</v>
      </c>
      <c r="CP36" s="16">
        <v>6000</v>
      </c>
      <c r="CQ36" s="16">
        <v>0</v>
      </c>
      <c r="CR36" s="16">
        <v>0</v>
      </c>
      <c r="CS36" s="16">
        <v>0</v>
      </c>
      <c r="CT36" s="16">
        <v>0</v>
      </c>
      <c r="CU36" s="16">
        <v>115506</v>
      </c>
      <c r="CV36" s="16">
        <v>0</v>
      </c>
      <c r="CW36" s="16">
        <v>0</v>
      </c>
      <c r="CX36" s="16">
        <v>115506</v>
      </c>
      <c r="CY36" s="16">
        <v>1045400</v>
      </c>
      <c r="CZ36" s="16">
        <v>10475191</v>
      </c>
    </row>
    <row r="37" spans="1:104" s="14" customFormat="1" ht="17.25" customHeight="1">
      <c r="A37" s="6" t="s">
        <v>134</v>
      </c>
      <c r="B37" s="16">
        <v>7735406</v>
      </c>
      <c r="C37" s="16">
        <v>112801</v>
      </c>
      <c r="D37" s="16">
        <v>32685</v>
      </c>
      <c r="E37" s="16">
        <v>0</v>
      </c>
      <c r="F37" s="16">
        <v>0</v>
      </c>
      <c r="G37" s="16">
        <v>0</v>
      </c>
      <c r="H37" s="16">
        <v>80116</v>
      </c>
      <c r="I37" s="16">
        <v>0</v>
      </c>
      <c r="J37" s="16">
        <v>6149</v>
      </c>
      <c r="K37" s="16">
        <v>28870</v>
      </c>
      <c r="L37" s="16">
        <v>31006</v>
      </c>
      <c r="M37" s="16">
        <v>0</v>
      </c>
      <c r="N37" s="16">
        <v>0</v>
      </c>
      <c r="O37" s="16">
        <v>765936</v>
      </c>
      <c r="P37" s="16">
        <v>41964</v>
      </c>
      <c r="Q37" s="16">
        <v>0</v>
      </c>
      <c r="R37" s="16">
        <v>61071</v>
      </c>
      <c r="S37" s="16">
        <v>0</v>
      </c>
      <c r="T37" s="16">
        <v>29839</v>
      </c>
      <c r="U37" s="16">
        <v>50803</v>
      </c>
      <c r="V37" s="16">
        <v>19080</v>
      </c>
      <c r="W37" s="32">
        <v>31723</v>
      </c>
      <c r="X37" s="16">
        <v>0</v>
      </c>
      <c r="Y37" s="16">
        <v>6048</v>
      </c>
      <c r="Z37" s="16">
        <v>33606</v>
      </c>
      <c r="AA37" s="16">
        <v>28176</v>
      </c>
      <c r="AB37" s="16">
        <v>5430</v>
      </c>
      <c r="AC37" s="16">
        <v>297489</v>
      </c>
      <c r="AD37" s="16">
        <v>0</v>
      </c>
      <c r="AE37" s="16">
        <v>0</v>
      </c>
      <c r="AF37" s="16">
        <v>0</v>
      </c>
      <c r="AG37" s="16">
        <v>0</v>
      </c>
      <c r="AH37" s="16">
        <v>90205</v>
      </c>
      <c r="AI37" s="16">
        <v>43628</v>
      </c>
      <c r="AJ37" s="16">
        <v>163656</v>
      </c>
      <c r="AK37" s="16">
        <v>88389</v>
      </c>
      <c r="AL37" s="16">
        <v>4960</v>
      </c>
      <c r="AM37" s="16">
        <v>83429</v>
      </c>
      <c r="AN37" s="16">
        <v>1158932</v>
      </c>
      <c r="AO37" s="16">
        <v>0</v>
      </c>
      <c r="AP37" s="16">
        <v>94143</v>
      </c>
      <c r="AQ37" s="16">
        <v>383018</v>
      </c>
      <c r="AR37" s="16">
        <v>429921</v>
      </c>
      <c r="AS37" s="16">
        <v>0</v>
      </c>
      <c r="AT37" s="16">
        <v>618</v>
      </c>
      <c r="AU37" s="16">
        <v>0</v>
      </c>
      <c r="AV37" s="16">
        <v>0</v>
      </c>
      <c r="AW37" s="16">
        <v>10063</v>
      </c>
      <c r="AX37" s="16">
        <v>0</v>
      </c>
      <c r="AY37" s="16">
        <v>0</v>
      </c>
      <c r="AZ37" s="16">
        <v>10063</v>
      </c>
      <c r="BA37" s="16">
        <v>0</v>
      </c>
      <c r="BB37" s="16">
        <v>43554</v>
      </c>
      <c r="BC37" s="16">
        <v>0</v>
      </c>
      <c r="BD37" s="16">
        <v>0</v>
      </c>
      <c r="BE37" s="16">
        <v>10050</v>
      </c>
      <c r="BF37" s="16">
        <v>0</v>
      </c>
      <c r="BG37" s="16">
        <v>187565</v>
      </c>
      <c r="BH37" s="16">
        <v>0</v>
      </c>
      <c r="BI37" s="16">
        <v>811569</v>
      </c>
      <c r="BJ37" s="16">
        <v>410419</v>
      </c>
      <c r="BK37" s="16">
        <v>48396</v>
      </c>
      <c r="BL37" s="16">
        <v>192068</v>
      </c>
      <c r="BM37" s="16">
        <v>96125</v>
      </c>
      <c r="BN37" s="16">
        <v>308</v>
      </c>
      <c r="BO37" s="16">
        <v>0</v>
      </c>
      <c r="BP37" s="16">
        <v>16105</v>
      </c>
      <c r="BQ37" s="16">
        <v>0</v>
      </c>
      <c r="BR37" s="16">
        <v>0</v>
      </c>
      <c r="BS37" s="16">
        <v>16105</v>
      </c>
      <c r="BT37" s="16">
        <v>3511</v>
      </c>
      <c r="BU37" s="16">
        <v>0</v>
      </c>
      <c r="BV37" s="16">
        <v>53906</v>
      </c>
      <c r="BW37" s="16">
        <v>401150</v>
      </c>
      <c r="BX37" s="16">
        <v>0</v>
      </c>
      <c r="BY37" s="16">
        <v>0</v>
      </c>
      <c r="BZ37" s="16">
        <v>401150</v>
      </c>
      <c r="CA37" s="16">
        <v>8202</v>
      </c>
      <c r="CB37" s="16">
        <v>990</v>
      </c>
      <c r="CC37" s="16">
        <v>7212</v>
      </c>
      <c r="CD37" s="16">
        <v>7211</v>
      </c>
      <c r="CE37" s="16">
        <v>0</v>
      </c>
      <c r="CF37" s="16">
        <v>1</v>
      </c>
      <c r="CG37" s="16">
        <v>17666</v>
      </c>
      <c r="CH37" s="16">
        <v>112423</v>
      </c>
      <c r="CI37" s="16">
        <v>477668</v>
      </c>
      <c r="CJ37" s="16">
        <v>477668</v>
      </c>
      <c r="CK37" s="16">
        <v>0</v>
      </c>
      <c r="CL37" s="16">
        <v>304168</v>
      </c>
      <c r="CM37" s="16">
        <v>24660</v>
      </c>
      <c r="CN37" s="16">
        <v>71</v>
      </c>
      <c r="CO37" s="16">
        <v>0</v>
      </c>
      <c r="CP37" s="16">
        <v>190500</v>
      </c>
      <c r="CQ37" s="16">
        <v>0</v>
      </c>
      <c r="CR37" s="16">
        <v>0</v>
      </c>
      <c r="CS37" s="16">
        <v>0</v>
      </c>
      <c r="CT37" s="16">
        <v>0</v>
      </c>
      <c r="CU37" s="16">
        <v>88937</v>
      </c>
      <c r="CV37" s="16">
        <v>0</v>
      </c>
      <c r="CW37" s="16">
        <v>0</v>
      </c>
      <c r="CX37" s="16">
        <v>88937</v>
      </c>
      <c r="CY37" s="16">
        <v>516000</v>
      </c>
      <c r="CZ37" s="16">
        <v>12696005</v>
      </c>
    </row>
    <row r="38" spans="1:104" ht="17.25" customHeight="1">
      <c r="A38" s="7" t="s">
        <v>135</v>
      </c>
      <c r="B38" s="17">
        <v>1402680</v>
      </c>
      <c r="C38" s="17">
        <v>10389</v>
      </c>
      <c r="D38" s="17">
        <v>3010</v>
      </c>
      <c r="E38" s="17">
        <v>0</v>
      </c>
      <c r="F38" s="17">
        <v>0</v>
      </c>
      <c r="G38" s="17">
        <v>0</v>
      </c>
      <c r="H38" s="17">
        <v>7379</v>
      </c>
      <c r="I38" s="17">
        <v>0</v>
      </c>
      <c r="J38" s="17">
        <v>511</v>
      </c>
      <c r="K38" s="17">
        <v>2398</v>
      </c>
      <c r="L38" s="17">
        <v>2568</v>
      </c>
      <c r="M38" s="17">
        <v>0</v>
      </c>
      <c r="N38" s="17">
        <v>0</v>
      </c>
      <c r="O38" s="17">
        <v>56387</v>
      </c>
      <c r="P38" s="17">
        <v>14786</v>
      </c>
      <c r="Q38" s="17">
        <v>0</v>
      </c>
      <c r="R38" s="17">
        <v>5620</v>
      </c>
      <c r="S38" s="17">
        <v>0</v>
      </c>
      <c r="T38" s="17">
        <v>1230</v>
      </c>
      <c r="U38" s="17">
        <v>93301</v>
      </c>
      <c r="V38" s="17">
        <v>26664</v>
      </c>
      <c r="W38" s="34">
        <v>66637</v>
      </c>
      <c r="X38" s="17">
        <v>0</v>
      </c>
      <c r="Y38" s="17">
        <v>544</v>
      </c>
      <c r="Z38" s="17">
        <v>14632</v>
      </c>
      <c r="AA38" s="17">
        <v>8097</v>
      </c>
      <c r="AB38" s="17">
        <v>6535</v>
      </c>
      <c r="AC38" s="17">
        <v>46510</v>
      </c>
      <c r="AD38" s="17">
        <v>21</v>
      </c>
      <c r="AE38" s="17">
        <v>0</v>
      </c>
      <c r="AF38" s="17">
        <v>21</v>
      </c>
      <c r="AG38" s="17">
        <v>0</v>
      </c>
      <c r="AH38" s="17">
        <v>0</v>
      </c>
      <c r="AI38" s="17">
        <v>9831</v>
      </c>
      <c r="AJ38" s="17">
        <v>36658</v>
      </c>
      <c r="AK38" s="17">
        <v>15898</v>
      </c>
      <c r="AL38" s="17">
        <v>541</v>
      </c>
      <c r="AM38" s="17">
        <v>15357</v>
      </c>
      <c r="AN38" s="17">
        <v>351990</v>
      </c>
      <c r="AO38" s="17">
        <v>0</v>
      </c>
      <c r="AP38" s="17">
        <v>22788</v>
      </c>
      <c r="AQ38" s="17">
        <v>20700</v>
      </c>
      <c r="AR38" s="17">
        <v>26059</v>
      </c>
      <c r="AS38" s="17">
        <v>0</v>
      </c>
      <c r="AT38" s="17">
        <v>70099</v>
      </c>
      <c r="AU38" s="17">
        <v>0</v>
      </c>
      <c r="AV38" s="17">
        <v>0</v>
      </c>
      <c r="AW38" s="17">
        <v>1351</v>
      </c>
      <c r="AX38" s="17">
        <v>0</v>
      </c>
      <c r="AY38" s="17">
        <v>0</v>
      </c>
      <c r="AZ38" s="17">
        <v>1351</v>
      </c>
      <c r="BA38" s="17">
        <v>0</v>
      </c>
      <c r="BB38" s="17">
        <v>84305</v>
      </c>
      <c r="BC38" s="17">
        <v>0</v>
      </c>
      <c r="BD38" s="17">
        <v>0</v>
      </c>
      <c r="BE38" s="17">
        <v>108000</v>
      </c>
      <c r="BF38" s="17">
        <v>0</v>
      </c>
      <c r="BG38" s="17">
        <v>18688</v>
      </c>
      <c r="BH38" s="17">
        <v>0</v>
      </c>
      <c r="BI38" s="17">
        <v>205860</v>
      </c>
      <c r="BJ38" s="17">
        <v>44643</v>
      </c>
      <c r="BK38" s="17">
        <v>11349</v>
      </c>
      <c r="BL38" s="17">
        <v>10366</v>
      </c>
      <c r="BM38" s="17">
        <v>5853</v>
      </c>
      <c r="BN38" s="17">
        <v>0</v>
      </c>
      <c r="BO38" s="17">
        <v>0</v>
      </c>
      <c r="BP38" s="17">
        <v>4454</v>
      </c>
      <c r="BQ38" s="17">
        <v>0</v>
      </c>
      <c r="BR38" s="17">
        <v>0</v>
      </c>
      <c r="BS38" s="17">
        <v>4454</v>
      </c>
      <c r="BT38" s="17">
        <v>4400</v>
      </c>
      <c r="BU38" s="17">
        <v>0</v>
      </c>
      <c r="BV38" s="17">
        <v>8221</v>
      </c>
      <c r="BW38" s="17">
        <v>161217</v>
      </c>
      <c r="BX38" s="17">
        <v>0</v>
      </c>
      <c r="BY38" s="17">
        <v>0</v>
      </c>
      <c r="BZ38" s="17">
        <v>161217</v>
      </c>
      <c r="CA38" s="17">
        <v>3020</v>
      </c>
      <c r="CB38" s="17">
        <v>2438</v>
      </c>
      <c r="CC38" s="17">
        <v>582</v>
      </c>
      <c r="CD38" s="17">
        <v>489</v>
      </c>
      <c r="CE38" s="17">
        <v>0</v>
      </c>
      <c r="CF38" s="17">
        <v>93</v>
      </c>
      <c r="CG38" s="17">
        <v>13428</v>
      </c>
      <c r="CH38" s="17">
        <v>433735</v>
      </c>
      <c r="CI38" s="17">
        <v>239173</v>
      </c>
      <c r="CJ38" s="17">
        <v>77293</v>
      </c>
      <c r="CK38" s="17">
        <v>161880</v>
      </c>
      <c r="CL38" s="17">
        <v>40111</v>
      </c>
      <c r="CM38" s="17">
        <v>67</v>
      </c>
      <c r="CN38" s="17">
        <v>141</v>
      </c>
      <c r="CO38" s="17">
        <v>0</v>
      </c>
      <c r="CP38" s="17">
        <v>12300</v>
      </c>
      <c r="CQ38" s="17">
        <v>0</v>
      </c>
      <c r="CR38" s="17">
        <v>0</v>
      </c>
      <c r="CS38" s="17">
        <v>0</v>
      </c>
      <c r="CT38" s="17">
        <v>0</v>
      </c>
      <c r="CU38" s="17">
        <v>27603</v>
      </c>
      <c r="CV38" s="17">
        <v>0</v>
      </c>
      <c r="CW38" s="17">
        <v>0</v>
      </c>
      <c r="CX38" s="17">
        <v>27603</v>
      </c>
      <c r="CY38" s="17">
        <v>155300</v>
      </c>
      <c r="CZ38" s="17">
        <v>3110071</v>
      </c>
    </row>
    <row r="39" spans="1:104" ht="17.25" customHeight="1">
      <c r="A39" s="8" t="s">
        <v>136</v>
      </c>
      <c r="B39" s="18">
        <v>1704554946</v>
      </c>
      <c r="C39" s="18">
        <v>19291801</v>
      </c>
      <c r="D39" s="18">
        <v>6630542</v>
      </c>
      <c r="E39" s="18">
        <v>0</v>
      </c>
      <c r="F39" s="18">
        <v>1628830</v>
      </c>
      <c r="G39" s="18">
        <v>81654</v>
      </c>
      <c r="H39" s="18">
        <v>10950775</v>
      </c>
      <c r="I39" s="18">
        <v>0</v>
      </c>
      <c r="J39" s="18">
        <v>2031354</v>
      </c>
      <c r="K39" s="18">
        <v>9559594</v>
      </c>
      <c r="L39" s="18">
        <v>10306418</v>
      </c>
      <c r="M39" s="18">
        <v>1229204</v>
      </c>
      <c r="N39" s="18">
        <v>147964494</v>
      </c>
      <c r="O39" s="18">
        <v>151268132</v>
      </c>
      <c r="P39" s="18">
        <v>1104542</v>
      </c>
      <c r="Q39" s="18">
        <v>0</v>
      </c>
      <c r="R39" s="18">
        <v>10395031</v>
      </c>
      <c r="S39" s="18">
        <v>18932876</v>
      </c>
      <c r="T39" s="18">
        <v>8249501</v>
      </c>
      <c r="U39" s="18">
        <v>75691335</v>
      </c>
      <c r="V39" s="18">
        <v>68727579</v>
      </c>
      <c r="W39" s="35">
        <v>6952660</v>
      </c>
      <c r="X39" s="18">
        <v>11096</v>
      </c>
      <c r="Y39" s="18">
        <v>1848315</v>
      </c>
      <c r="Z39" s="18">
        <v>68825441</v>
      </c>
      <c r="AA39" s="18">
        <v>5387956</v>
      </c>
      <c r="AB39" s="18">
        <v>63437485</v>
      </c>
      <c r="AC39" s="18">
        <v>62485409</v>
      </c>
      <c r="AD39" s="18">
        <v>1807985</v>
      </c>
      <c r="AE39" s="18">
        <v>1417315</v>
      </c>
      <c r="AF39" s="18">
        <v>259360</v>
      </c>
      <c r="AG39" s="18">
        <v>131310</v>
      </c>
      <c r="AH39" s="18">
        <v>8022870</v>
      </c>
      <c r="AI39" s="18">
        <v>19303048</v>
      </c>
      <c r="AJ39" s="18">
        <v>33351506</v>
      </c>
      <c r="AK39" s="18">
        <v>23513157</v>
      </c>
      <c r="AL39" s="18">
        <v>1095418</v>
      </c>
      <c r="AM39" s="18">
        <v>22417739</v>
      </c>
      <c r="AN39" s="18">
        <v>656920072</v>
      </c>
      <c r="AO39" s="18">
        <v>205484855</v>
      </c>
      <c r="AP39" s="18">
        <v>63342180</v>
      </c>
      <c r="AQ39" s="18">
        <v>70033861</v>
      </c>
      <c r="AR39" s="18">
        <v>95764967</v>
      </c>
      <c r="AS39" s="18">
        <v>5506</v>
      </c>
      <c r="AT39" s="18">
        <v>40372004</v>
      </c>
      <c r="AU39" s="18">
        <v>14497</v>
      </c>
      <c r="AV39" s="18">
        <v>0</v>
      </c>
      <c r="AW39" s="18">
        <v>3577731</v>
      </c>
      <c r="AX39" s="18">
        <v>342252</v>
      </c>
      <c r="AY39" s="18">
        <v>0</v>
      </c>
      <c r="AZ39" s="18">
        <v>3235479</v>
      </c>
      <c r="BA39" s="18">
        <v>138096</v>
      </c>
      <c r="BB39" s="18">
        <v>38463289</v>
      </c>
      <c r="BC39" s="18">
        <v>2095145</v>
      </c>
      <c r="BD39" s="18">
        <v>0</v>
      </c>
      <c r="BE39" s="18">
        <v>831493</v>
      </c>
      <c r="BF39" s="18">
        <v>0</v>
      </c>
      <c r="BG39" s="18">
        <v>136796448</v>
      </c>
      <c r="BH39" s="18">
        <v>6239504</v>
      </c>
      <c r="BI39" s="18">
        <v>174178230</v>
      </c>
      <c r="BJ39" s="18">
        <v>105542990</v>
      </c>
      <c r="BK39" s="18">
        <v>29923409</v>
      </c>
      <c r="BL39" s="18">
        <v>33067343</v>
      </c>
      <c r="BM39" s="18">
        <v>20672631</v>
      </c>
      <c r="BN39" s="18">
        <v>3358581</v>
      </c>
      <c r="BO39" s="18">
        <v>0</v>
      </c>
      <c r="BP39" s="18">
        <v>1653751</v>
      </c>
      <c r="BQ39" s="18">
        <v>1643</v>
      </c>
      <c r="BR39" s="18">
        <v>0</v>
      </c>
      <c r="BS39" s="18">
        <v>1652108</v>
      </c>
      <c r="BT39" s="18">
        <v>46701</v>
      </c>
      <c r="BU39" s="18">
        <v>125083</v>
      </c>
      <c r="BV39" s="18">
        <v>16695491</v>
      </c>
      <c r="BW39" s="18">
        <v>68635240</v>
      </c>
      <c r="BX39" s="18">
        <v>3433597</v>
      </c>
      <c r="BY39" s="18">
        <v>0</v>
      </c>
      <c r="BZ39" s="18">
        <v>65201643</v>
      </c>
      <c r="CA39" s="18">
        <v>34994192</v>
      </c>
      <c r="CB39" s="18">
        <v>10754473</v>
      </c>
      <c r="CC39" s="18">
        <v>24239719</v>
      </c>
      <c r="CD39" s="18">
        <v>23234348</v>
      </c>
      <c r="CE39" s="18">
        <v>2844</v>
      </c>
      <c r="CF39" s="18">
        <v>1002527</v>
      </c>
      <c r="CG39" s="18">
        <v>9194837</v>
      </c>
      <c r="CH39" s="18">
        <v>95646814</v>
      </c>
      <c r="CI39" s="18">
        <v>61536202</v>
      </c>
      <c r="CJ39" s="18">
        <v>42568665</v>
      </c>
      <c r="CK39" s="18">
        <v>18967537</v>
      </c>
      <c r="CL39" s="18">
        <v>148236306</v>
      </c>
      <c r="CM39" s="18">
        <v>2888692</v>
      </c>
      <c r="CN39" s="18">
        <v>6079</v>
      </c>
      <c r="CO39" s="18">
        <v>14779</v>
      </c>
      <c r="CP39" s="18">
        <v>96083876</v>
      </c>
      <c r="CQ39" s="18">
        <v>1713487</v>
      </c>
      <c r="CR39" s="18">
        <v>1217135</v>
      </c>
      <c r="CS39" s="18">
        <v>496352</v>
      </c>
      <c r="CT39" s="18">
        <v>12830364</v>
      </c>
      <c r="CU39" s="18">
        <v>34699029</v>
      </c>
      <c r="CV39" s="18">
        <v>15158</v>
      </c>
      <c r="CW39" s="18">
        <v>0</v>
      </c>
      <c r="CX39" s="18">
        <v>34683871</v>
      </c>
      <c r="CY39" s="18">
        <v>328094589</v>
      </c>
      <c r="CZ39" s="18">
        <v>3832292296</v>
      </c>
    </row>
  </sheetData>
  <mergeCells count="20">
    <mergeCell ref="CO1:CU1"/>
    <mergeCell ref="CV1:CX1"/>
    <mergeCell ref="CV2:CX2"/>
    <mergeCell ref="BM1:BS1"/>
    <mergeCell ref="BM2:BS2"/>
    <mergeCell ref="BT1:BZ1"/>
    <mergeCell ref="BT2:BV2"/>
    <mergeCell ref="CB1:CF1"/>
    <mergeCell ref="CM1:CN1"/>
    <mergeCell ref="AR1:AX1"/>
    <mergeCell ref="AY1:BE1"/>
    <mergeCell ref="AY2:AZ2"/>
    <mergeCell ref="BF1:BG1"/>
    <mergeCell ref="BJ1:BL1"/>
    <mergeCell ref="BK2:BL2"/>
    <mergeCell ref="W1:X1"/>
    <mergeCell ref="AE2:AG2"/>
    <mergeCell ref="AD1:AJ1"/>
    <mergeCell ref="AL1:AM1"/>
    <mergeCell ref="AO1:AQ1"/>
  </mergeCells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２）歳入［&amp;P/&amp;N］&amp;R&amp;"ＭＳ ゴシック,標準"&amp;10
（単位：千円）</oddHeader>
  </headerFooter>
  <colBreaks count="8" manualBreakCount="8">
    <brk id="8" max="43" man="1"/>
    <brk id="15" max="38" man="1"/>
    <brk id="22" max="38" man="1"/>
    <brk id="29" max="38" man="1"/>
    <brk id="36" max="38" man="1"/>
    <brk id="57" max="38" man="1"/>
    <brk id="78" max="38" man="1"/>
    <brk id="85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2</vt:lpstr>
      <vt:lpstr>'12'!Print_Area</vt:lpstr>
      <vt:lpstr>'1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8-12-06T07:18:46Z</cp:lastPrinted>
  <dcterms:created xsi:type="dcterms:W3CDTF">2013-03-18T10:11:33Z</dcterms:created>
  <dcterms:modified xsi:type="dcterms:W3CDTF">2018-12-06T07:18:50Z</dcterms:modified>
</cp:coreProperties>
</file>